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20. ŠZM na liečbu rán podtlakovou terapiou\PTK\"/>
    </mc:Choice>
  </mc:AlternateContent>
  <bookViews>
    <workbookView xWindow="0" yWindow="0" windowWidth="23040" windowHeight="9195"/>
  </bookViews>
  <sheets>
    <sheet name="PTK - ponuka" sheetId="8" r:id="rId1"/>
  </sheets>
  <definedNames>
    <definedName name="_xlnm.Print_Area" localSheetId="0">'PTK - ponuka'!$B$1:$F$31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68" uniqueCount="452">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Položka č. 2</t>
  </si>
  <si>
    <t>60000000-8 Dopravné služby (bez prepravy odpadu)</t>
  </si>
  <si>
    <t>Špeciálny zdravotnícky materiál na liečbu rán podtlakovou terapiou a prenájom odsávacích zariadení</t>
  </si>
  <si>
    <t>Položka č. 3</t>
  </si>
  <si>
    <t>Položka č. 4</t>
  </si>
  <si>
    <t>Položka č. 5</t>
  </si>
  <si>
    <t>Položka č. 6</t>
  </si>
  <si>
    <t>Položka č. 7</t>
  </si>
  <si>
    <t>Položka č. 8</t>
  </si>
  <si>
    <t>Zberná nádoba s väčším objemom</t>
  </si>
  <si>
    <t>Port (pelota) s hadičkou</t>
  </si>
  <si>
    <t>Konektor v tvare "Y"</t>
  </si>
  <si>
    <t>Prenájom odsávacích zariadení</t>
  </si>
  <si>
    <t>Požadovaný počet MJ za zmluvné obdobie 24 mesiacov</t>
  </si>
  <si>
    <t>Krytie rany, veľkosť S</t>
  </si>
  <si>
    <t>Krytie rany, veľkosť M</t>
  </si>
  <si>
    <t>Krytie rany, veľkosť L</t>
  </si>
  <si>
    <t>Položka č. 1 - Krytie rany, veľkosť S</t>
  </si>
  <si>
    <t xml:space="preserve">
sterilný krycí set, ktorého obsahom je: 
</t>
  </si>
  <si>
    <t xml:space="preserve">1.1 </t>
  </si>
  <si>
    <t>Penové krytie:</t>
  </si>
  <si>
    <t>veľkosť potrebná pre kategóriu S (š x d x v ) 10x7,5x3,3 cm (+/- 1 mm),</t>
  </si>
  <si>
    <t>materiál otvorený sieťovaný polyuretán (PU-ester pena), hydrofóbny, hypoalergénny, veľkosť pórov 500 mikrometrov,</t>
  </si>
  <si>
    <t>uľahčuje vylučovanie exudátu,</t>
  </si>
  <si>
    <t>účinná stimulácia granulačného procesu v rane,</t>
  </si>
  <si>
    <t>v terapeutickom intervale sa v rane nesmie rozpadať ani doň vrastať granulačné tkanivo,</t>
  </si>
  <si>
    <t>vyššia pevnosť v ťahu, odolnejšia voči roztrhnutiu,</t>
  </si>
  <si>
    <t>ľahká upraviteľnosť tvaru bežnými chirurgickými nástrojmi,</t>
  </si>
  <si>
    <t>určené na jednorazové použitie,</t>
  </si>
  <si>
    <t>protiadhezívna technológia kontaktnej vrstvy s ranou,</t>
  </si>
  <si>
    <t>prítomnosť antibakteriálnej zložky,</t>
  </si>
  <si>
    <t>možná kombinovaná terapia, pena+ochranná strieborná bariéra, pena+silikonová mriežka.</t>
  </si>
  <si>
    <t>1.1.1</t>
  </si>
  <si>
    <t>1.1.2</t>
  </si>
  <si>
    <t>1.1.3</t>
  </si>
  <si>
    <t>1.1.4</t>
  </si>
  <si>
    <t>1.1.5</t>
  </si>
  <si>
    <t>1.1.6</t>
  </si>
  <si>
    <t>1.1.7</t>
  </si>
  <si>
    <t>1.1.8</t>
  </si>
  <si>
    <t>1.1.9</t>
  </si>
  <si>
    <t>1.1.10</t>
  </si>
  <si>
    <t>1.1.11</t>
  </si>
  <si>
    <t>Fóliové krytie:</t>
  </si>
  <si>
    <t>určená na dokonalé prekrytie polyuretánovej peny a okolitej kože,</t>
  </si>
  <si>
    <t>transparentnou fóliou, odolnou voči pretrhnutiu, samolepiaci filmový obväz vyrobený z polopriepustného, vodotesného polyuretánového filmu,</t>
  </si>
  <si>
    <t>umožňuje voľný priechod vodných pár a plynov,</t>
  </si>
  <si>
    <t>chráni pred prenikaním baktérií,</t>
  </si>
  <si>
    <t>zabezpečuje nepriedušnosť systému,</t>
  </si>
  <si>
    <t>s hypoalergénnym lepidlom, dá sa bezbolestne odstrániť bez zanechania zvyškov,</t>
  </si>
  <si>
    <t>lepiaca vrstva zaisťuje dobrú priľnavosť aj na kónických častiach tela,</t>
  </si>
  <si>
    <t>špeciálna fólia pre zabránenie adhezií s orgánmi,</t>
  </si>
  <si>
    <t>fólia z plastickej hmoty s lepiacou vrstvou, ochranná vrstva na oboch stranách fólie opticky viditeľná,</t>
  </si>
  <si>
    <t>v terapeutickom intervale nesmie vyvolávať žiadne kožné zmeny, reakcie a alergie.</t>
  </si>
  <si>
    <t>1.2</t>
  </si>
  <si>
    <t>1.2.1</t>
  </si>
  <si>
    <t>1.2.2</t>
  </si>
  <si>
    <t>1.2.3</t>
  </si>
  <si>
    <t>1.2.4</t>
  </si>
  <si>
    <t>1.2.5</t>
  </si>
  <si>
    <t>1.2.6</t>
  </si>
  <si>
    <t>1.2.7</t>
  </si>
  <si>
    <t>1.2.8</t>
  </si>
  <si>
    <t>1.2.9</t>
  </si>
  <si>
    <t>1.2.10</t>
  </si>
  <si>
    <t>1.2.11</t>
  </si>
  <si>
    <t>1.2.12</t>
  </si>
  <si>
    <t>1.3</t>
  </si>
  <si>
    <t>Port (pelota) s hadičkou:</t>
  </si>
  <si>
    <t>určený na prepojenie penového krytia so zbernou nádobou,</t>
  </si>
  <si>
    <t>dostatočný priemer na drenáž exudátu z rany 0,5 cm (+/- 1 mm),</t>
  </si>
  <si>
    <t>materiál  nesmie spôsobovať zrážanie krvi,</t>
  </si>
  <si>
    <t>v spolupráci s prístrojom meranie podtlaku v rane,</t>
  </si>
  <si>
    <t>ľahká a opakovateľná rozpojiteľnosť prepojovacieho konektoru so zbernou nádobou,</t>
  </si>
  <si>
    <t>elasticita a malé rozmery portu, minimálna možnosť vzniku dekubitu z portu,</t>
  </si>
  <si>
    <t>systém znemožňujúci upchatie odvodnej hadičky,</t>
  </si>
  <si>
    <t>port plochý 2-cestný s automatickým prefukom (2x 3x9mm), jemný z flexibilného silikónu (42x47mm) zabezpečujúci komfort pacienta (+/- 1 mm),</t>
  </si>
  <si>
    <t>v spojení s prístrojom detekcia a signalizácia upchatia, zalomenia, stlačenia hadičky a netesnosti v systéme,</t>
  </si>
  <si>
    <t>farebne odlíšené koncovky pripojenia na odsávanie a privádzacie porty (oblasť rany a prístroj,</t>
  </si>
  <si>
    <t>automatické prefukovanie odsávacích hadičiek.</t>
  </si>
  <si>
    <t>1.3.1</t>
  </si>
  <si>
    <t>1.3.2</t>
  </si>
  <si>
    <t>1.3.3</t>
  </si>
  <si>
    <t>1.3.4</t>
  </si>
  <si>
    <t>1.3.5</t>
  </si>
  <si>
    <t>1.3.6</t>
  </si>
  <si>
    <t>1.3.7</t>
  </si>
  <si>
    <t>1.3.8</t>
  </si>
  <si>
    <t>1.3.9</t>
  </si>
  <si>
    <t>1.3.10</t>
  </si>
  <si>
    <t>1.3.11</t>
  </si>
  <si>
    <t>Položka č. 2 - Krytie rany, veľkosť M</t>
  </si>
  <si>
    <t xml:space="preserve">sterilný krycí set, ktorého obsahom je: </t>
  </si>
  <si>
    <t>2.1</t>
  </si>
  <si>
    <t>veľkosť potrebná pre kategóriu M (š x d x v ) 18x12,5x3,3 cm (+/- 1 mm),</t>
  </si>
  <si>
    <t>2.1.1</t>
  </si>
  <si>
    <t>2.1.2</t>
  </si>
  <si>
    <t>2.1.3</t>
  </si>
  <si>
    <t>2.1.4</t>
  </si>
  <si>
    <t>2.1.5</t>
  </si>
  <si>
    <t>2.1.6</t>
  </si>
  <si>
    <t>2.1.7</t>
  </si>
  <si>
    <t>2.1.8</t>
  </si>
  <si>
    <t>2.1.9</t>
  </si>
  <si>
    <t>2.1.10</t>
  </si>
  <si>
    <t>2.1.11</t>
  </si>
  <si>
    <t>2.2</t>
  </si>
  <si>
    <t>materiál nesmie spôsobovať zrážanie krvi,</t>
  </si>
  <si>
    <t>2.2.1</t>
  </si>
  <si>
    <t>2.2.2</t>
  </si>
  <si>
    <t>2.2.3</t>
  </si>
  <si>
    <t>2.2.4</t>
  </si>
  <si>
    <t>2.2.5</t>
  </si>
  <si>
    <t>2.2.6</t>
  </si>
  <si>
    <t>2.2.7</t>
  </si>
  <si>
    <t>2.2.8</t>
  </si>
  <si>
    <t>2.2.9</t>
  </si>
  <si>
    <t>2.2.10</t>
  </si>
  <si>
    <t>2.2.11</t>
  </si>
  <si>
    <t>2.2.12</t>
  </si>
  <si>
    <t>2.3</t>
  </si>
  <si>
    <t>2.3.1</t>
  </si>
  <si>
    <t>2.3.2</t>
  </si>
  <si>
    <t>2.3.3</t>
  </si>
  <si>
    <t>2.3.4</t>
  </si>
  <si>
    <t>2.3.5</t>
  </si>
  <si>
    <t>2.3.6</t>
  </si>
  <si>
    <t>2.3.7</t>
  </si>
  <si>
    <t>2.3.8</t>
  </si>
  <si>
    <t>2.3.9</t>
  </si>
  <si>
    <t>2.3.10</t>
  </si>
  <si>
    <t>2.3.11</t>
  </si>
  <si>
    <t>Položka č. 3 - Krytie rany, veľkosť L</t>
  </si>
  <si>
    <t>3.1</t>
  </si>
  <si>
    <t>veľkosť potrebná pre kategóriu L (š x d x v ) 26x15x3,3 cm (+/- 1 mm),</t>
  </si>
  <si>
    <t>veľkosť potrebná pre kategóriu L: 2x 20x30 cm (+/- 1 mm),</t>
  </si>
  <si>
    <t>3.2</t>
  </si>
  <si>
    <t>3.1.1</t>
  </si>
  <si>
    <t>3.3</t>
  </si>
  <si>
    <t>3.1.2</t>
  </si>
  <si>
    <t>3.1.3</t>
  </si>
  <si>
    <t>3.1.4</t>
  </si>
  <si>
    <t>3.1.5</t>
  </si>
  <si>
    <t>3.1.6</t>
  </si>
  <si>
    <t>3.1.7</t>
  </si>
  <si>
    <t>3.1.8</t>
  </si>
  <si>
    <t>3.1.9</t>
  </si>
  <si>
    <t>3.1.10</t>
  </si>
  <si>
    <t>3.1.11</t>
  </si>
  <si>
    <t>3.2.1</t>
  </si>
  <si>
    <t>3.2.2</t>
  </si>
  <si>
    <t>3.2.3</t>
  </si>
  <si>
    <t>3.2.4</t>
  </si>
  <si>
    <t>3.2.5</t>
  </si>
  <si>
    <t>3.2.6</t>
  </si>
  <si>
    <t>3.2.7</t>
  </si>
  <si>
    <t>3.2.8</t>
  </si>
  <si>
    <t>3.2.9</t>
  </si>
  <si>
    <t>3.2.10</t>
  </si>
  <si>
    <t>3.2.11</t>
  </si>
  <si>
    <t>3.2.12</t>
  </si>
  <si>
    <t>3.3.1</t>
  </si>
  <si>
    <t>3.3.2</t>
  </si>
  <si>
    <t>3.3.3</t>
  </si>
  <si>
    <t>3.3.4</t>
  </si>
  <si>
    <t>3.3.5</t>
  </si>
  <si>
    <t>3.3.6</t>
  </si>
  <si>
    <t>3.3.7</t>
  </si>
  <si>
    <t>3.3.8</t>
  </si>
  <si>
    <t>3.3.9</t>
  </si>
  <si>
    <t>3.3.10</t>
  </si>
  <si>
    <t>3.3.11</t>
  </si>
  <si>
    <t>sterilné balenie,</t>
  </si>
  <si>
    <t>objem kanistra v intervale od 500 ml do 1000 ml,</t>
  </si>
  <si>
    <t>určená na dočasné uloženie aspiračnej tekutiny a odpadu z rany,</t>
  </si>
  <si>
    <t>jednoduché pripojenie na prístroj pre podtlakovú liečbu, zatlačením kanistra do prístroja v určenom mieste,</t>
  </si>
  <si>
    <t>uvoľnenie kanistra stlačením jediného tlačidla,</t>
  </si>
  <si>
    <t>v spojení prístrojom detekcia a signalizácia kompletného naplnenia kanistra,</t>
  </si>
  <si>
    <t>špeciálny filter zabraňujúci unikaniu zápachu z exudátu,</t>
  </si>
  <si>
    <t>gél alebo látku zabezpečujúcu zmenu exudátu z tekutej na gélovú formu,</t>
  </si>
  <si>
    <t>určená na jednorazové použitie.</t>
  </si>
  <si>
    <t>4.1</t>
  </si>
  <si>
    <t>požaduje sa:</t>
  </si>
  <si>
    <t>Položka č. 6 - Port (pelota) s hadičkou</t>
  </si>
  <si>
    <t>6.1</t>
  </si>
  <si>
    <t>6.1.1</t>
  </si>
  <si>
    <t>6.1.2</t>
  </si>
  <si>
    <t>6.1.3</t>
  </si>
  <si>
    <t>6.1.4</t>
  </si>
  <si>
    <t>6.1.5</t>
  </si>
  <si>
    <t>6.1.6</t>
  </si>
  <si>
    <t>6.1.7</t>
  </si>
  <si>
    <t>6.1.8</t>
  </si>
  <si>
    <t>6.1.9</t>
  </si>
  <si>
    <t>6.1.10</t>
  </si>
  <si>
    <t>6.1.11</t>
  </si>
  <si>
    <t>6.1.12</t>
  </si>
  <si>
    <t>Položka č. 7 - Konektor v tvare "Y"</t>
  </si>
  <si>
    <t>sterilný konektor v tvare "Y",</t>
  </si>
  <si>
    <t>materiál: PVC.</t>
  </si>
  <si>
    <t>7.1</t>
  </si>
  <si>
    <t>7.1.1</t>
  </si>
  <si>
    <t>7.1.2</t>
  </si>
  <si>
    <t>7.1.3</t>
  </si>
  <si>
    <t>Položka č. 8 - Prenájom odsávacích zariadení</t>
  </si>
  <si>
    <t>musí byť použiteľný aj v stacionárnom, aj prenosnom režime práce,</t>
  </si>
  <si>
    <t>rozmery (š x d x v ) do 164x206x95 mm (+/- 1 mm)</t>
  </si>
  <si>
    <t>štandardná podtlaková terapia indikovaná pri liečbe akútnych a chronických rán, infikovaných rán a rán vzniknutých dehiscenciou po chirurgických výkonoch,</t>
  </si>
  <si>
    <t>prenosné, nezávislé na sieťovom napájaní, minimálna výdrž bez dobitia 15 hodín,</t>
  </si>
  <si>
    <t>samostatne stojaci na podložke</t>
  </si>
  <si>
    <t>elektronické monitorovacie funkcie v spojení s optickými a akustickými ukazovateľmi, podtlaková jednotka s automatickým monitoringom nastavených terapeutických hodnôt,</t>
  </si>
  <si>
    <t>možnosť zavesenia prístroja s kanistrom pomocou popruhu (nie tašky) na rameno pacienta a pod.</t>
  </si>
  <si>
    <t>hmotnosť do 1,2 kg,</t>
  </si>
  <si>
    <t xml:space="preserve">požaduje sa: </t>
  </si>
  <si>
    <t>8.1</t>
  </si>
  <si>
    <t>8.1.1</t>
  </si>
  <si>
    <t>prenájom nových, nerepasovaných, nepoužitých mobilných odsávacích zariadení určených na liečbu rán podtlakovou terapiou vrátane poskytovania  služieb údržby a servisných služieb k zariadeniam po dobu trvania zmluvného vzťahu,</t>
  </si>
  <si>
    <t>8.1.2</t>
  </si>
  <si>
    <t>8.1.3</t>
  </si>
  <si>
    <t>8.1.4</t>
  </si>
  <si>
    <t>8.1.5</t>
  </si>
  <si>
    <t>8.1.6</t>
  </si>
  <si>
    <t>8.1.7</t>
  </si>
  <si>
    <t>8.1.8</t>
  </si>
  <si>
    <t>8.1.9</t>
  </si>
  <si>
    <t>8.1.10</t>
  </si>
  <si>
    <t>interná pamäť min. 4 MB pre terapeutické dáta.</t>
  </si>
  <si>
    <t>Batéria</t>
  </si>
  <si>
    <t>doba nabíjania do 2,5 hod.,</t>
  </si>
  <si>
    <t>Kapacita batérie 2700 mAh</t>
  </si>
  <si>
    <t>Displej</t>
  </si>
  <si>
    <t>zobrazovanie - grafický dotykový display s podsvietením,</t>
  </si>
  <si>
    <t>ovládanie v rukaviciach,</t>
  </si>
  <si>
    <t>zabezpečenie - zámok nastavení s cieľom zabrániť prístupu pacienta k nastaveniam terapie,</t>
  </si>
  <si>
    <t>membránové čerpadlo bezúdržbové,</t>
  </si>
  <si>
    <t>prefukovanie hadičiek automatické,</t>
  </si>
  <si>
    <t>Alarmy</t>
  </si>
  <si>
    <t>Nastavenia</t>
  </si>
  <si>
    <t>možnosť nastavenia kontinuálnej alebo prerušovanej terapie,</t>
  </si>
  <si>
    <t>elektronická regulácia podtlaku, v rozmedzí od 20 mmHg do 250 mmHg, po 5 mmHg. (50-200),</t>
  </si>
  <si>
    <t>8.1.11</t>
  </si>
  <si>
    <t>8.1.11.1</t>
  </si>
  <si>
    <t>8.1.11.2</t>
  </si>
  <si>
    <t>8.1.11.3</t>
  </si>
  <si>
    <t>8.1.12</t>
  </si>
  <si>
    <t>8.1.12.1</t>
  </si>
  <si>
    <t>8.1.12.2</t>
  </si>
  <si>
    <t>8.1.12.3</t>
  </si>
  <si>
    <t>8.1.12.4</t>
  </si>
  <si>
    <t>8.1.12.5</t>
  </si>
  <si>
    <t>8.1.12.6</t>
  </si>
  <si>
    <t>8.1.13</t>
  </si>
  <si>
    <t>8.1.13.1</t>
  </si>
  <si>
    <t>8.1.13.2</t>
  </si>
  <si>
    <t>8.1.13.3</t>
  </si>
  <si>
    <t>8.1.13.4</t>
  </si>
  <si>
    <t>8.1.13.5</t>
  </si>
  <si>
    <t>8.1.14</t>
  </si>
  <si>
    <t>netesnosť (leak),</t>
  </si>
  <si>
    <t>obštrukcia,</t>
  </si>
  <si>
    <t>plnosť kanistra,</t>
  </si>
  <si>
    <t>slabá batéria,</t>
  </si>
  <si>
    <t>stíšenie/vypnutie zvuku (nočný režim).</t>
  </si>
  <si>
    <t>automatická regulácia intenzity sania,</t>
  </si>
  <si>
    <t>pri prerušovanom režime variabilné nastavenie časových intervalov a hodnoty podtlaku,</t>
  </si>
  <si>
    <t>doprava zariadení na miesto plnenia, manipuláciu z vozidla do a v rámci budovy, vybalenie, odber a likvidácia obalov,</t>
  </si>
  <si>
    <t>inštalácia prenajatých zariadení na mieste plnenia vrátane spustenia do prevádzky a  ich nastavenia, ktoré  zahŕňa prácu technika v mieste inštalácie zariadenia a cestovných nákladov technika,</t>
  </si>
  <si>
    <t>poskytovanie telefonických alebo on-line konzultácií týkajúcich sa prenajatých zariadení vyškolenými pracovníkmi dodávateľa,</t>
  </si>
  <si>
    <t>zaškolenie min. 2 pracovníkov objednávateľa o správnom používaní a obsluhe zariadení  na mieste inštalácie zariadení,</t>
  </si>
  <si>
    <t>udržiavanie zariadení v prevádzkyschopnom stave vrátane údržby po opotrebovaní jednotlivých častí zariadení zahŕňajúca prácu servisného technika pri lokalizácii a odstránení poruchy zariadenia v mieste inštalácie zariadenia a cestovné náklady technika,</t>
  </si>
  <si>
    <t>pravidelná údržba zariadení v termínoch a rozsahu stanovenom výrobcom zariadení,</t>
  </si>
  <si>
    <t>servis pri poruche zariadení v mieste inštalácie tohto zariadenia, a to najmä vykonanie opráv, dodávky a montáže originálnych náhradných dielov v prípade potreby ich výmeny z dôvodu ich vady alebo opotrebovania s termínom vykonania opravy do 48 hodín od jej nahlásenia,</t>
  </si>
  <si>
    <t>poskytnutie náhradného zariadenia s rovnakými alebo lepšími technickými parametrami počas vykonania opravy v prípadoch, ak oprava poruchy zariadenia presiahne 2 dni a to počas celej doby, ktorej bude zariadenie v oprave.</t>
  </si>
  <si>
    <t>8.1.15</t>
  </si>
  <si>
    <t>Dodávateľ prenajatých zariadení  v cene prenájmu zabezpečí pre objednávateľa nasledovné služby:</t>
  </si>
  <si>
    <t>8.1.14.1</t>
  </si>
  <si>
    <t>8.1.14.2</t>
  </si>
  <si>
    <t>8.1.14.3</t>
  </si>
  <si>
    <t>8.1.14.4</t>
  </si>
  <si>
    <t>8.1.14.5</t>
  </si>
  <si>
    <t>8.1.15.1</t>
  </si>
  <si>
    <t>8.1.15.2</t>
  </si>
  <si>
    <t>8.1.15.3</t>
  </si>
  <si>
    <t>8.1.15.4</t>
  </si>
  <si>
    <t>8.1.15.5</t>
  </si>
  <si>
    <t>8.1.15.6</t>
  </si>
  <si>
    <t>8.1.15.7</t>
  </si>
  <si>
    <t>8.1.15.8</t>
  </si>
  <si>
    <t>8.1.15.9</t>
  </si>
  <si>
    <t>8.1.15.10</t>
  </si>
  <si>
    <t>používa sa na napojenie dvoch dvojcestných portsystémov s jednotkou odsávania (prístrojom) - Technika premostenia rany (v prípade ak má pacient viac rán je možné ich liečiť jedným prístrojom),</t>
  </si>
  <si>
    <t>doba prevádzky líthio-iontového akumulátora min.16 hodín pri plnom nabíjaní.</t>
  </si>
  <si>
    <t>ovládacie prvky resp. dotyková obrazovka prístroja  v slovenskom (alebo  českom) jazyku.</t>
  </si>
  <si>
    <t>pravidelne profilaktické prehliadky 1x za 12 mesiacov,</t>
  </si>
  <si>
    <t>minimalna bezplatná kalibracia 1x za 24 mesiacov,</t>
  </si>
  <si>
    <t>33140000-3 Zdravotnícky spotrebný materiál</t>
  </si>
  <si>
    <t>33141110-4 Chirurgické obväzy</t>
  </si>
  <si>
    <t>33141600-6 Zberače a zberné vaky, drenáže a súpravy</t>
  </si>
  <si>
    <t>33155000-1 Prístroje na fyzikálnu terapiu</t>
  </si>
  <si>
    <t>Špeciálny zdravotnícky materiál na podtlakovú terapiu (kompatibilný s prenajatým odsávacím zariadením na liečbu rán podtlakovou terapiou) a prenájom 10 ks nových, nepoužívaných, nerepasovaných mobilných odsávacích zariadení určených na liečbu rán podtlakovou terapiou vrátane poskytovania služieb údržby a servisných služieb k zariadeniam po dobu trvania zmluvného vzťahu.</t>
  </si>
  <si>
    <t>5.</t>
  </si>
  <si>
    <t>6.</t>
  </si>
  <si>
    <t>7.</t>
  </si>
  <si>
    <t>8.</t>
  </si>
  <si>
    <t>9.</t>
  </si>
  <si>
    <t>10.</t>
  </si>
  <si>
    <t>11.</t>
  </si>
  <si>
    <t>12.</t>
  </si>
  <si>
    <t>Požaduje sa v zmysle § 340b ods. 5 zákona č. 513/1991 Z.z. Obchodného zákonníka v znení neskorších predpisov splatnosť faktúry v lehote šesťdesiatich (60) kalendárnych dní odo dňa jej doručenia objednávateľovi.</t>
  </si>
  <si>
    <t>14.</t>
  </si>
  <si>
    <t>15.</t>
  </si>
  <si>
    <t>16.</t>
  </si>
  <si>
    <t>17.</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 uzná navýšenie konečnej jednotkovej ceny za MJ bez DPH príslušnej položky predmetu zákazky, zašle dodávateľovi oznámenie, v ktorom potvrdí oprávnenie ním ponúknutej ceny.
2. neuzná navýšenie konečnej jednotkovej ceny za MJ bez DPH príslušnej položky predmetu zákazky, vyhradzuje si právo odstúpiť od tejto rámcovej dohody.</t>
  </si>
  <si>
    <t>18.</t>
  </si>
  <si>
    <t>V prípade, ak sa po uzatvorení zmluvy preukáže, že na relevantnom trhu existuje cena (ďalej tiež ako "nižšia cena") za rovnaké alebo porovnateľné plnenie ako je obsiahnuté v uzatvorenej zmluve a dodávateľ už preukázateľne v minulosti za takúto nižšiu cenu plnenie poskytol, resp. ešte stále poskytuje, pričom rozdiel medzi nižšou cenou a cenou podľa uzatvorenej zmluvy bude viac ako 5% v neprospech ceny podľa uzatvorenej zmluvy, zaväzuje sa dodávateľ poskytnúť objednávateľovi pre takéto plnenie objednané po preukázaní tejto skutočnosti dodatočnú zľavu vo výške rozdielu medzi ním poskytovanou cenou podľa uzatvorenej zmluvy a nižšou cenou.</t>
  </si>
  <si>
    <t>19.</t>
  </si>
  <si>
    <t>20.</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21.</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 právo odstúpiť od tejto zmluvy. Účinky odstúpenia nastanú dňom doručenia oznámenia druhej zmluvnej strane.</t>
  </si>
  <si>
    <t>22.</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3.</t>
  </si>
  <si>
    <t>Predávajúci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tejto zmluvy. Zároveň je povinný o tejto povinnosti preukázateľne poučiť aj svojich zamestnancov. Povinnosť zachovávať mlčanlivosť platí aj po skončení trvania zmluvy. V opačnom prípade kupujúcemu zodpovedá za škodu, ktorá kupujúcemu vznikla porušením tejto povinnosti.</t>
  </si>
  <si>
    <t>24.</t>
  </si>
  <si>
    <t xml:space="preserve">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
</t>
  </si>
  <si>
    <t>V prípade, ak sa na predmet zákazky vykonala prípravná trhová konzultácia, informácie k prípravnej trhovej konzultácie verejný obstarávateľ zverejňuje na www.vusch.sk/verejne-obstaravanie/.</t>
  </si>
  <si>
    <t>Požaduje sa poskytovanie tovaru vo viacerých ucelených častiach, a to na základe písomných čiastkových výziev (ďalej len "objednávka") objednávateľa s periodicitou a v minimálnych objemoch podľa jeho aktuálnych prevádzkových potrieb.</t>
  </si>
  <si>
    <t>Požaduje sa dodanie tovaru:</t>
  </si>
  <si>
    <t>v pracovných dňoch (do termínu sa nezapočítavajú dni pracovného voľna, pracovného pokoja a štátne sviatky),</t>
  </si>
  <si>
    <t>v čase od 07:00 hod. do 15:00 hod.,</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25.</t>
  </si>
  <si>
    <t>26.</t>
  </si>
  <si>
    <t>27.</t>
  </si>
  <si>
    <t>28.</t>
  </si>
  <si>
    <t>Požaduje sa zabezpečiť odborné zaškolenie zamestnancov objdnávateľa, ktorí budú s prenajatými zariadeniami pracovať, a to bezprostredne po dodaní zariadení objednávateľovi, o čom bude zo strany dodávateľa vyhotovený školiaci protokol, ktorí podpíšu oprávnení zástupcovia objednávateľa a dodávateľa.</t>
  </si>
  <si>
    <t xml:space="preserve">Požaduje sa vyhotovenie inštalačného protokolu o inštalácii zariadení dodávateľom, ktorý podpíšu oprávnení zástupcovia objednávateľa a dodávateľa.  </t>
  </si>
  <si>
    <t>Požaduje sa uzatvorenie  rámcovej dohody na dodanie špeciálneho zdravotníckeho materiálu na podtlakovú terapiu kompatibilného s prenajatými odsávaími zariadeniami (ďalej len "tovar") vrátane prenájmu mobilných odsávacích zariadení a liečbu rán podtlakovou terapiou (ďalej len "zariadenia") na obdobie dvadsiatich štyroch (24) kalendárnych mesiacov, resp. do naplnenia dohodnutého zmluvného finančného objemu podľa toho, ktorá z uvedených skutočností nastane skôr.</t>
  </si>
  <si>
    <t>na dohodnuté miesto plnenia a zodpovednej osobe objednávateľa (podrobnosti o mieste plnenia a zodpovednej osobe objednávateľa budú dodávateľovi upresnené bezprostredne po nadobudnutí účinnosti rámcovej dohody),</t>
  </si>
  <si>
    <t>4.2</t>
  </si>
  <si>
    <t>4.3</t>
  </si>
  <si>
    <t>4.4</t>
  </si>
  <si>
    <t>4.5</t>
  </si>
  <si>
    <t>4.6</t>
  </si>
  <si>
    <t>Požaduje sa dodanie tovaru s minimálnou dobou použiteľnosti (resp. exspirácie) dvadsaťštyri (24) kalendárnych mesiacov odo dňa jeho dodania objednávateľovi.</t>
  </si>
  <si>
    <t>do dvadsiatichštyroch (24) hodín od doručenia písomnej objednávky dodávateľovi,</t>
  </si>
  <si>
    <t>Požaduje sa dodanie návodu na použitie prístroja v slovenskom jazyku, resp. v českom jazyku a dokumentácie týkajúcej sa uvedenia zariadení na trh a do etapy používania (t. j. Certifikát a Vyhlásenie o zhode).</t>
  </si>
  <si>
    <t>13.</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 xml:space="preserve">Požaduje sa vystaviť dodávateľom faktúru za prenájom zariadení raz ročne, vždy k poslednému dňa 12-teho kalendárneho mesiaca. </t>
  </si>
  <si>
    <t xml:space="preserve">Požaduje sa dodanie zariadení do tridsiatich (30) kalendárnych dní odo dňa nadobudnutia účinnosti rámcovej dohody, a to na náklady dodávateľa, na miesto dodania, ktoré bude dodávateľovi oznámené objednávateľom. </t>
  </si>
  <si>
    <t>Požaduje sa inštalovať, resp. zabezpečiť inštaláciu zariadení u objednávateľa na náklady dodávateľa najneskôr do desiatich (10) kalendárnych dní odo dňa dodania zariadení, týmto nie je dotknutá možnosť súčasného dodania a inštalácie zariadení v ten istý deň. Presný dátum dodania a inštalácie zariadení je dodávateľ povinný oznámiť objednávateľovi najmenej tri (3) kalendárne dni vopred. Objednávateľ sa zaväzuje poskytnúť dodávateľovi potrebnú súčinnosť pri inštalácii zariadení.</t>
  </si>
  <si>
    <t>Požaduje sa dodanie nových, nerepasovaných a nepoužitých zariadení určených na liečbu rán podtlakovou terapiou, kompatibilných s tovarom za účelom poskytovania výkonov zdravotnej starostlivosti objednávateľom, ktorý je zdravotníckym zariadením, a ktoré je objednávateľ oprávnený vykonávať v rozsahu a v súlade s predmetom činnosti.</t>
  </si>
  <si>
    <t>Dodávateľ je povinný bezodkladne, najneskôr však do piatich (5) pracovných dní od preukázania skutočnosti uvedenej v predchádzajúcej vete, doručiť objednávateľovi dodatok, predmetom ktorého bude upravená cena zistená podľa bodu 22. 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29.</t>
  </si>
  <si>
    <t>Predmet rámcovej dohody je bližšie špecifikovaný v časti Technická špecifikácia predmetu zákazky.</t>
  </si>
  <si>
    <t>Požaduje sa, aby dodávateľ bol výlučným vlastníkom zariadení a bol oprávnený so zariadeniami nakladať.</t>
  </si>
  <si>
    <t>Požaduje sa protokolárne odovzdanie zariadení objednávateľovi. Protokol o odovzdaní a prevzatí zariadení potvrdia oprávnení zástupcovia dodávateľa a objednávateľa.</t>
  </si>
  <si>
    <t xml:space="preserve">Požaduje sa odovzdanie zariadení objednávateľovi v stave spôsobilom na jeho riadne užívanie a prevádzku a vhodnom k zmluvne dohodnutému účelu. </t>
  </si>
  <si>
    <t>Požaduje sa poskytovanie telefonických alebo on-line konzultácií týkajúcich sa zariadení vyškolenými zamestnancami dodávateľa.</t>
  </si>
  <si>
    <t>Požaduje sa poistenie zariadení zo strany dodávateľa na vlastné náklady pre prípad poškodenia, zničenia, straty, odcudzenia alebo iných škôd, ktoré na ňom vzniknú, a to počas celej doby platnosti uzatvorenej rámcovej dohody.</t>
  </si>
  <si>
    <t>počet kusov v balení: min 2 ks,</t>
  </si>
  <si>
    <t>veľkosť potrebná pre kategóriu M: 2x20x30 cm (+/- 1 mm),</t>
  </si>
  <si>
    <t>veľkosť potrebná pre kategóriu S: 2x15x30  cm (+/- 1 mm),</t>
  </si>
  <si>
    <t>port plochý 2-cestný s automatickým prefukom (2x3x9mm), jemný z flexibilného silikónu (42x47mm) zabezpečujúci komfort pacienta (+/- 1 mm),</t>
  </si>
  <si>
    <t>sterilné, penové, vlhké, hydrofilné krytie,</t>
  </si>
  <si>
    <t>určené na aplikáciu prostredníctvom podtlakovej terapie,</t>
  </si>
  <si>
    <t>materiál: polyvinylakoholové vlákna,</t>
  </si>
  <si>
    <t>uľahćuje vylučovanie exsudátu,</t>
  </si>
  <si>
    <t>podporuje tvorbu granulačného tkaniva,</t>
  </si>
  <si>
    <t>Položka č. 4 - Biele penové krytie</t>
  </si>
  <si>
    <t>Položka č. 5 - Zberná nádoba s väčším objemom</t>
  </si>
  <si>
    <t>Biele penové krytie</t>
  </si>
  <si>
    <t>5.1</t>
  </si>
  <si>
    <t>5.1.1</t>
  </si>
  <si>
    <t>5.1.2</t>
  </si>
  <si>
    <t>5.1.3</t>
  </si>
  <si>
    <t>5.1.4</t>
  </si>
  <si>
    <t>5.1.5</t>
  </si>
  <si>
    <t>5.1.6</t>
  </si>
  <si>
    <t>5.1.7</t>
  </si>
  <si>
    <t>5.1.8</t>
  </si>
  <si>
    <t>5.1.9</t>
  </si>
  <si>
    <t>xxx</t>
  </si>
  <si>
    <t>Účel prípravnej trhovej konzultác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0" tint="-0.14999847407452621"/>
        <bgColor indexed="64"/>
      </patternFill>
    </fill>
  </fills>
  <borders count="4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thin">
        <color auto="1"/>
      </left>
      <right style="medium">
        <color indexed="64"/>
      </right>
      <top/>
      <bottom style="thin">
        <color auto="1"/>
      </bottom>
      <diagonal/>
    </border>
    <border>
      <left style="medium">
        <color auto="1"/>
      </left>
      <right/>
      <top style="thin">
        <color auto="1"/>
      </top>
      <bottom/>
      <diagonal/>
    </border>
    <border>
      <left/>
      <right style="thin">
        <color auto="1"/>
      </right>
      <top style="thin">
        <color auto="1"/>
      </top>
      <bottom/>
      <diagonal/>
    </border>
    <border>
      <left style="thin">
        <color auto="1"/>
      </left>
      <right/>
      <top style="medium">
        <color auto="1"/>
      </top>
      <bottom style="thin">
        <color auto="1"/>
      </bottom>
      <diagonal/>
    </border>
    <border>
      <left/>
      <right style="medium">
        <color indexed="64"/>
      </right>
      <top style="medium">
        <color auto="1"/>
      </top>
      <bottom style="thin">
        <color auto="1"/>
      </bottom>
      <diagonal/>
    </border>
    <border>
      <left style="thin">
        <color indexed="64"/>
      </left>
      <right style="thin">
        <color indexed="64"/>
      </right>
      <top/>
      <bottom style="medium">
        <color auto="1"/>
      </bottom>
      <diagonal/>
    </border>
    <border>
      <left style="thin">
        <color indexed="64"/>
      </left>
      <right style="medium">
        <color auto="1"/>
      </right>
      <top/>
      <bottom style="medium">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 fillId="0" borderId="0"/>
  </cellStyleXfs>
  <cellXfs count="19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6" xfId="0" applyNumberFormat="1" applyFont="1" applyFill="1" applyBorder="1" applyAlignment="1">
      <alignment horizontal="center" vertical="center" wrapText="1"/>
    </xf>
    <xf numFmtId="49" fontId="4" fillId="0" borderId="10" xfId="0" applyNumberFormat="1" applyFont="1" applyFill="1" applyBorder="1" applyAlignment="1">
      <alignment vertical="center" wrapText="1"/>
    </xf>
    <xf numFmtId="0" fontId="7" fillId="0" borderId="28" xfId="0" applyNumberFormat="1" applyFont="1" applyBorder="1" applyAlignment="1">
      <alignment horizontal="center" vertical="center" wrapText="1"/>
    </xf>
    <xf numFmtId="0" fontId="2" fillId="0" borderId="30" xfId="0" applyFont="1" applyFill="1" applyBorder="1" applyAlignment="1">
      <alignment horizontal="left" vertical="center" wrapText="1"/>
    </xf>
    <xf numFmtId="0" fontId="2" fillId="0" borderId="5" xfId="0" applyFont="1" applyFill="1" applyBorder="1" applyAlignment="1">
      <alignment horizontal="left" vertical="center" wrapText="1"/>
    </xf>
    <xf numFmtId="3" fontId="4" fillId="0" borderId="10" xfId="0" applyNumberFormat="1" applyFont="1" applyFill="1" applyBorder="1" applyAlignment="1">
      <alignment horizontal="center" vertical="center"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49" fontId="2" fillId="0" borderId="25" xfId="0" applyNumberFormat="1" applyFont="1" applyBorder="1" applyAlignment="1">
      <alignment horizontal="center" vertical="center"/>
    </xf>
    <xf numFmtId="49" fontId="4" fillId="0" borderId="31" xfId="0" applyNumberFormat="1" applyFont="1" applyFill="1" applyBorder="1" applyAlignment="1">
      <alignment vertical="center" wrapText="1"/>
    </xf>
    <xf numFmtId="0" fontId="2" fillId="0" borderId="31" xfId="0" applyNumberFormat="1" applyFont="1" applyBorder="1" applyAlignment="1">
      <alignment horizontal="center" vertical="center" wrapText="1"/>
    </xf>
    <xf numFmtId="0" fontId="2" fillId="0" borderId="32" xfId="0" applyFont="1" applyBorder="1" applyAlignment="1">
      <alignment vertical="center" wrapText="1"/>
    </xf>
    <xf numFmtId="49" fontId="2" fillId="0" borderId="8" xfId="0" applyNumberFormat="1" applyFont="1" applyBorder="1" applyAlignment="1">
      <alignment horizontal="right" vertical="center"/>
    </xf>
    <xf numFmtId="0" fontId="11" fillId="2" borderId="10" xfId="0" applyNumberFormat="1" applyFont="1" applyFill="1" applyBorder="1" applyAlignment="1">
      <alignment horizontal="left" vertical="top" wrapText="1"/>
    </xf>
    <xf numFmtId="0" fontId="7" fillId="2" borderId="10" xfId="0" applyNumberFormat="1" applyFont="1" applyFill="1" applyBorder="1" applyAlignment="1">
      <alignment horizontal="left" vertical="top"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4" fillId="0" borderId="10" xfId="0" applyFont="1" applyFill="1" applyBorder="1" applyAlignment="1">
      <alignment horizontal="left" vertical="top" wrapText="1"/>
    </xf>
    <xf numFmtId="0" fontId="2" fillId="0" borderId="23" xfId="0" applyFont="1" applyFill="1" applyBorder="1" applyAlignment="1">
      <alignment horizontal="left" vertical="top" wrapText="1"/>
    </xf>
    <xf numFmtId="0" fontId="2" fillId="0" borderId="10" xfId="0" applyFont="1" applyFill="1" applyBorder="1" applyAlignment="1">
      <alignment horizontal="left" vertical="top" wrapText="1"/>
    </xf>
    <xf numFmtId="0" fontId="2" fillId="0" borderId="28" xfId="0" applyFont="1" applyFill="1" applyBorder="1" applyAlignment="1">
      <alignment horizontal="left" vertical="top" wrapText="1"/>
    </xf>
    <xf numFmtId="0" fontId="7" fillId="0" borderId="0" xfId="5" applyFont="1" applyAlignment="1">
      <alignment vertical="top" wrapText="1"/>
    </xf>
    <xf numFmtId="0" fontId="7" fillId="0" borderId="0" xfId="0" applyNumberFormat="1" applyFont="1" applyBorder="1" applyAlignment="1">
      <alignment vertical="top" wrapText="1"/>
    </xf>
    <xf numFmtId="0" fontId="7" fillId="0" borderId="0" xfId="0" applyFont="1" applyAlignment="1">
      <alignment vertical="top" wrapText="1"/>
    </xf>
    <xf numFmtId="0" fontId="2" fillId="0" borderId="10" xfId="0" applyFont="1" applyBorder="1" applyAlignment="1">
      <alignment vertical="center" wrapText="1"/>
    </xf>
    <xf numFmtId="0" fontId="2" fillId="0" borderId="10" xfId="0" applyFont="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16" fontId="5" fillId="0" borderId="0" xfId="0" applyNumberFormat="1" applyFont="1" applyFill="1" applyAlignment="1">
      <alignment horizontal="left" vertical="top" wrapText="1"/>
    </xf>
    <xf numFmtId="49" fontId="4" fillId="0" borderId="10" xfId="0" applyNumberFormat="1" applyFont="1" applyBorder="1" applyAlignment="1">
      <alignment horizontal="left" vertical="top" wrapText="1"/>
    </xf>
    <xf numFmtId="49" fontId="4" fillId="0" borderId="10" xfId="0" applyNumberFormat="1" applyFont="1" applyFill="1" applyBorder="1" applyAlignment="1">
      <alignment horizontal="left" vertical="center" wrapText="1"/>
    </xf>
    <xf numFmtId="49" fontId="2" fillId="0" borderId="8" xfId="0" applyNumberFormat="1" applyFont="1" applyBorder="1" applyAlignment="1">
      <alignment horizontal="left" vertical="center"/>
    </xf>
    <xf numFmtId="49" fontId="5" fillId="0" borderId="10" xfId="0" applyNumberFormat="1" applyFont="1" applyFill="1" applyBorder="1" applyAlignment="1">
      <alignment horizontal="left" vertical="center" wrapText="1"/>
    </xf>
    <xf numFmtId="49" fontId="5" fillId="0" borderId="10" xfId="0" applyNumberFormat="1" applyFont="1" applyFill="1" applyBorder="1" applyAlignment="1">
      <alignment vertical="center" wrapText="1"/>
    </xf>
    <xf numFmtId="49" fontId="4" fillId="0" borderId="10" xfId="0" applyNumberFormat="1" applyFont="1" applyBorder="1" applyAlignment="1">
      <alignment horizontal="left" vertical="center" wrapText="1"/>
    </xf>
    <xf numFmtId="49" fontId="3" fillId="0" borderId="8" xfId="0" applyNumberFormat="1" applyFont="1" applyBorder="1" applyAlignment="1">
      <alignment horizontal="center" vertical="center"/>
    </xf>
    <xf numFmtId="49" fontId="2" fillId="0" borderId="25" xfId="0" applyNumberFormat="1" applyFont="1" applyBorder="1" applyAlignment="1">
      <alignment horizontal="left" vertical="center"/>
    </xf>
    <xf numFmtId="0" fontId="2" fillId="0" borderId="35" xfId="0" applyNumberFormat="1" applyFont="1" applyBorder="1" applyAlignment="1">
      <alignment horizontal="center" vertical="center" wrapText="1"/>
    </xf>
    <xf numFmtId="0" fontId="2" fillId="0" borderId="31" xfId="0" applyFont="1" applyBorder="1" applyAlignment="1">
      <alignment horizontal="left" vertical="center" wrapText="1"/>
    </xf>
    <xf numFmtId="0" fontId="4" fillId="0" borderId="10" xfId="0" applyFont="1" applyFill="1" applyBorder="1" applyAlignment="1" applyProtection="1">
      <alignment horizontal="left" vertical="top" wrapText="1"/>
    </xf>
    <xf numFmtId="0" fontId="4" fillId="0" borderId="10" xfId="0" applyFont="1" applyFill="1" applyBorder="1" applyAlignment="1" applyProtection="1">
      <alignment horizontal="left" vertical="center" wrapText="1"/>
    </xf>
    <xf numFmtId="49" fontId="2" fillId="0" borderId="29"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34" xfId="0" applyNumberFormat="1" applyFont="1" applyBorder="1" applyAlignment="1">
      <alignment horizontal="right" vertical="center"/>
    </xf>
    <xf numFmtId="0" fontId="3" fillId="0" borderId="31" xfId="0" applyFont="1" applyBorder="1" applyAlignment="1">
      <alignment horizontal="left" vertical="center" wrapText="1"/>
    </xf>
    <xf numFmtId="49" fontId="3" fillId="0" borderId="34" xfId="0" applyNumberFormat="1" applyFont="1" applyBorder="1" applyAlignment="1">
      <alignment horizontal="center" vertical="center"/>
    </xf>
    <xf numFmtId="0" fontId="3" fillId="0" borderId="10" xfId="0" applyFont="1" applyBorder="1" applyAlignment="1">
      <alignment vertical="center" wrapText="1"/>
    </xf>
    <xf numFmtId="49" fontId="3" fillId="0" borderId="25" xfId="0" applyNumberFormat="1" applyFont="1" applyBorder="1" applyAlignment="1">
      <alignment horizontal="center" vertical="center"/>
    </xf>
    <xf numFmtId="49" fontId="2" fillId="0" borderId="25" xfId="0" applyNumberFormat="1" applyFont="1" applyBorder="1" applyAlignment="1">
      <alignment horizontal="right" vertical="center"/>
    </xf>
    <xf numFmtId="0" fontId="4" fillId="0" borderId="10" xfId="0" applyFont="1" applyBorder="1" applyAlignment="1">
      <alignment vertical="center" wrapText="1"/>
    </xf>
    <xf numFmtId="49" fontId="4" fillId="0" borderId="20" xfId="0" applyNumberFormat="1" applyFont="1" applyBorder="1" applyAlignment="1">
      <alignment horizontal="left" vertical="top" wrapText="1"/>
    </xf>
    <xf numFmtId="49" fontId="2" fillId="0" borderId="11" xfId="0" applyNumberFormat="1" applyFont="1" applyBorder="1" applyAlignment="1">
      <alignment horizontal="right" vertical="center"/>
    </xf>
    <xf numFmtId="49" fontId="5" fillId="5" borderId="10" xfId="0" applyNumberFormat="1" applyFont="1" applyFill="1" applyBorder="1" applyAlignment="1">
      <alignment horizontal="left" vertical="top" wrapText="1"/>
    </xf>
    <xf numFmtId="0" fontId="7" fillId="0" borderId="0" xfId="0" applyFont="1" applyAlignment="1">
      <alignment horizontal="justify" vertical="center"/>
    </xf>
    <xf numFmtId="0" fontId="4" fillId="5" borderId="0" xfId="0" applyFont="1" applyFill="1" applyAlignment="1">
      <alignment horizontal="left" vertical="top" wrapText="1"/>
    </xf>
    <xf numFmtId="0" fontId="2" fillId="0" borderId="5" xfId="0" applyFont="1" applyFill="1" applyBorder="1" applyAlignment="1">
      <alignment horizontal="left" vertical="center" wrapText="1"/>
    </xf>
    <xf numFmtId="0" fontId="2" fillId="0" borderId="27" xfId="0" applyFont="1" applyFill="1" applyBorder="1" applyAlignment="1">
      <alignment horizontal="left" vertical="center" wrapText="1"/>
    </xf>
    <xf numFmtId="49" fontId="2" fillId="0" borderId="0" xfId="0" applyNumberFormat="1" applyFont="1" applyFill="1" applyBorder="1" applyAlignment="1">
      <alignment horizontal="left" vertical="center" wrapText="1"/>
    </xf>
    <xf numFmtId="0" fontId="4" fillId="0" borderId="0" xfId="0" applyFont="1" applyFill="1" applyBorder="1" applyAlignment="1">
      <alignment horizontal="left" vertical="top" wrapText="1"/>
    </xf>
    <xf numFmtId="0" fontId="4" fillId="0" borderId="10" xfId="0" applyFont="1" applyFill="1" applyBorder="1" applyAlignment="1">
      <alignment horizontal="left" vertical="center" wrapText="1"/>
    </xf>
    <xf numFmtId="0" fontId="4" fillId="5" borderId="10"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3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3" fontId="4" fillId="5" borderId="10" xfId="0" applyNumberFormat="1" applyFont="1" applyFill="1" applyBorder="1" applyAlignment="1">
      <alignment horizontal="center" vertical="center" wrapText="1"/>
    </xf>
    <xf numFmtId="49" fontId="3" fillId="0" borderId="25" xfId="0" applyNumberFormat="1" applyFont="1" applyBorder="1" applyAlignment="1">
      <alignment horizontal="right" vertical="center"/>
    </xf>
    <xf numFmtId="0" fontId="2" fillId="6" borderId="10" xfId="0" applyFont="1" applyFill="1" applyBorder="1" applyAlignment="1">
      <alignment horizontal="center" vertical="top" wrapText="1"/>
    </xf>
    <xf numFmtId="0" fontId="2" fillId="6" borderId="10" xfId="0" applyFont="1" applyFill="1" applyBorder="1" applyAlignment="1">
      <alignment horizontal="left" vertical="top" wrapText="1"/>
    </xf>
    <xf numFmtId="0" fontId="2" fillId="0" borderId="5" xfId="0" applyFont="1" applyFill="1" applyBorder="1" applyAlignment="1">
      <alignment horizontal="center" vertical="center" wrapText="1"/>
    </xf>
    <xf numFmtId="0" fontId="2" fillId="0" borderId="27" xfId="0" applyFont="1" applyFill="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38" xfId="0" applyFont="1" applyFill="1" applyBorder="1" applyAlignment="1">
      <alignment horizontal="left" vertical="center" wrapText="1"/>
    </xf>
    <xf numFmtId="0" fontId="2" fillId="0" borderId="39" xfId="0" applyFont="1" applyFill="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49" fontId="5" fillId="4" borderId="22" xfId="0" applyNumberFormat="1" applyFont="1" applyFill="1" applyBorder="1" applyAlignment="1">
      <alignment horizontal="left" vertical="center" wrapText="1"/>
    </xf>
    <xf numFmtId="49" fontId="5" fillId="4" borderId="23" xfId="0" applyNumberFormat="1" applyFont="1" applyFill="1" applyBorder="1" applyAlignment="1">
      <alignment horizontal="left" vertical="center" wrapText="1"/>
    </xf>
    <xf numFmtId="49" fontId="5" fillId="4" borderId="24" xfId="0" applyNumberFormat="1" applyFont="1" applyFill="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33" xfId="0" applyNumberFormat="1" applyFont="1" applyBorder="1" applyAlignment="1">
      <alignment horizontal="left" vertical="center" wrapText="1"/>
    </xf>
    <xf numFmtId="49" fontId="2" fillId="0" borderId="32" xfId="0" applyNumberFormat="1" applyFont="1" applyBorder="1" applyAlignment="1">
      <alignment horizontal="center" vertical="center" wrapText="1"/>
    </xf>
    <xf numFmtId="49" fontId="2" fillId="0" borderId="33" xfId="0" applyNumberFormat="1" applyFont="1" applyBorder="1" applyAlignment="1">
      <alignment horizontal="center" vertical="center" wrapText="1"/>
    </xf>
    <xf numFmtId="0" fontId="3" fillId="3"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4" fillId="5"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6" borderId="5" xfId="0" applyFont="1" applyFill="1" applyBorder="1" applyAlignment="1">
      <alignment horizontal="left" vertical="top" wrapText="1"/>
    </xf>
    <xf numFmtId="0" fontId="2" fillId="6"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4" fillId="0" borderId="5" xfId="0" applyNumberFormat="1" applyFont="1" applyFill="1" applyBorder="1" applyAlignment="1">
      <alignment horizontal="left" vertical="center" wrapText="1"/>
    </xf>
    <xf numFmtId="49" fontId="4" fillId="0" borderId="6" xfId="0" applyNumberFormat="1"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5" borderId="0" xfId="0" applyFont="1" applyFill="1" applyAlignment="1">
      <alignment horizontal="left" vertical="center" wrapText="1"/>
    </xf>
    <xf numFmtId="0" fontId="2" fillId="0" borderId="0" xfId="0" applyFont="1" applyAlignment="1">
      <alignment horizontal="center" vertical="center" wrapText="1"/>
    </xf>
    <xf numFmtId="49" fontId="5" fillId="0" borderId="0" xfId="0" applyNumberFormat="1" applyFont="1" applyFill="1" applyAlignment="1">
      <alignment horizontal="left" vertical="top" wrapText="1"/>
    </xf>
    <xf numFmtId="0" fontId="4" fillId="5" borderId="0" xfId="0" applyFont="1" applyFill="1" applyAlignment="1">
      <alignment horizontal="left" vertical="center"/>
    </xf>
    <xf numFmtId="0" fontId="2" fillId="5" borderId="0" xfId="0" applyFont="1" applyFill="1" applyAlignment="1">
      <alignment horizontal="left" vertical="center"/>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7" xfId="0" applyNumberFormat="1" applyFont="1" applyBorder="1" applyAlignment="1">
      <alignment horizontal="center"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9" xfId="0" applyFont="1" applyFill="1" applyBorder="1" applyAlignment="1">
      <alignment horizontal="center" vertical="center" wrapText="1"/>
    </xf>
    <xf numFmtId="0" fontId="2" fillId="0" borderId="36" xfId="0" applyFont="1" applyFill="1" applyBorder="1" applyAlignment="1">
      <alignment horizontal="left" vertical="center" wrapText="1"/>
    </xf>
    <xf numFmtId="0" fontId="2" fillId="0" borderId="37" xfId="0" applyFont="1" applyFill="1" applyBorder="1" applyAlignment="1">
      <alignment horizontal="left" vertical="center" wrapText="1"/>
    </xf>
    <xf numFmtId="0" fontId="3" fillId="0" borderId="0" xfId="0" applyFont="1" applyAlignment="1">
      <alignment horizontal="center" vertical="center" wrapText="1"/>
    </xf>
  </cellXfs>
  <cellStyles count="7">
    <cellStyle name="Normálna" xfId="0" builtinId="0"/>
    <cellStyle name="Normálna 2" xfId="2"/>
    <cellStyle name="Normálna 4" xfId="6"/>
    <cellStyle name="Normálne 2" xfId="3"/>
    <cellStyle name="normálne 2 2" xfId="1"/>
    <cellStyle name="normálne 2 2 2" xfId="4"/>
    <cellStyle name="Normálne 4" xfId="5"/>
  </cellStyles>
  <dxfs count="1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466725</xdr:colOff>
          <xdr:row>25</xdr:row>
          <xdr:rowOff>228600</xdr:rowOff>
        </xdr:from>
        <xdr:to>
          <xdr:col>2</xdr:col>
          <xdr:colOff>38100</xdr:colOff>
          <xdr:row>26</xdr:row>
          <xdr:rowOff>190500</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66725</xdr:colOff>
          <xdr:row>26</xdr:row>
          <xdr:rowOff>219075</xdr:rowOff>
        </xdr:from>
        <xdr:to>
          <xdr:col>2</xdr:col>
          <xdr:colOff>38100</xdr:colOff>
          <xdr:row>27</xdr:row>
          <xdr:rowOff>1905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47675</xdr:colOff>
          <xdr:row>39</xdr:row>
          <xdr:rowOff>219075</xdr:rowOff>
        </xdr:from>
        <xdr:to>
          <xdr:col>2</xdr:col>
          <xdr:colOff>19050</xdr:colOff>
          <xdr:row>40</xdr:row>
          <xdr:rowOff>1905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38150</xdr:colOff>
          <xdr:row>40</xdr:row>
          <xdr:rowOff>180975</xdr:rowOff>
        </xdr:from>
        <xdr:to>
          <xdr:col>2</xdr:col>
          <xdr:colOff>9525</xdr:colOff>
          <xdr:row>41</xdr:row>
          <xdr:rowOff>1428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I330"/>
  <sheetViews>
    <sheetView showGridLines="0" tabSelected="1" zoomScale="80" zoomScaleNormal="80" workbookViewId="0">
      <selection activeCell="B9" sqref="B9:F9"/>
    </sheetView>
  </sheetViews>
  <sheetFormatPr defaultRowHeight="12.75" x14ac:dyDescent="0.2"/>
  <cols>
    <col min="1" max="1" width="1.85546875" style="1" customWidth="1"/>
    <col min="2" max="2" width="10.28515625" style="1" customWidth="1"/>
    <col min="3" max="3" width="70.42578125" style="3" customWidth="1"/>
    <col min="4" max="4" width="16.42578125" style="8" customWidth="1"/>
    <col min="5" max="5" width="13.7109375" style="8" customWidth="1"/>
    <col min="6" max="6" width="19.7109375" style="2" customWidth="1"/>
    <col min="7" max="7" width="17.140625" style="1" customWidth="1"/>
    <col min="8" max="9" width="9.140625" style="1" customWidth="1"/>
    <col min="10" max="16384" width="9.140625" style="1"/>
  </cols>
  <sheetData>
    <row r="1" spans="1:6" ht="37.5" customHeight="1" x14ac:dyDescent="0.2">
      <c r="B1" s="194" t="s">
        <v>451</v>
      </c>
      <c r="C1" s="194"/>
      <c r="D1" s="194"/>
      <c r="E1" s="194"/>
      <c r="F1" s="194"/>
    </row>
    <row r="2" spans="1:6" ht="27.75" customHeight="1" x14ac:dyDescent="0.2">
      <c r="B2" s="177" t="s">
        <v>44</v>
      </c>
      <c r="C2" s="177"/>
      <c r="D2" s="177"/>
      <c r="E2" s="177"/>
      <c r="F2" s="177"/>
    </row>
    <row r="3" spans="1:6" ht="69.75" customHeight="1" x14ac:dyDescent="0.2">
      <c r="B3" s="173" t="s">
        <v>49</v>
      </c>
      <c r="C3" s="173"/>
      <c r="D3" s="173"/>
      <c r="E3" s="173"/>
      <c r="F3" s="173"/>
    </row>
    <row r="4" spans="1:6" ht="24.95" customHeight="1" x14ac:dyDescent="0.2">
      <c r="B4" s="37" t="s">
        <v>48</v>
      </c>
      <c r="C4" s="65"/>
      <c r="D4" s="34"/>
      <c r="E4" s="34"/>
      <c r="F4" s="34"/>
    </row>
    <row r="5" spans="1:6" ht="24.95" customHeight="1" x14ac:dyDescent="0.2">
      <c r="B5" s="37" t="s">
        <v>46</v>
      </c>
      <c r="C5" s="66"/>
      <c r="D5" s="34"/>
      <c r="E5" s="34"/>
      <c r="F5" s="34"/>
    </row>
    <row r="6" spans="1:6" ht="5.0999999999999996" customHeight="1" x14ac:dyDescent="0.2">
      <c r="B6" s="34"/>
      <c r="C6" s="58"/>
      <c r="D6" s="34"/>
      <c r="E6" s="34"/>
      <c r="F6" s="34"/>
    </row>
    <row r="7" spans="1:6" s="2" customFormat="1" ht="20.100000000000001" customHeight="1" x14ac:dyDescent="0.25">
      <c r="B7" s="144" t="s">
        <v>4</v>
      </c>
      <c r="C7" s="144"/>
      <c r="D7" s="144"/>
      <c r="E7" s="144"/>
      <c r="F7" s="144"/>
    </row>
    <row r="8" spans="1:6" s="2" customFormat="1" ht="20.100000000000001" customHeight="1" x14ac:dyDescent="0.25">
      <c r="B8" s="174" t="s">
        <v>8</v>
      </c>
      <c r="C8" s="174"/>
      <c r="D8" s="174"/>
      <c r="E8" s="174"/>
      <c r="F8" s="174"/>
    </row>
    <row r="9" spans="1:6" ht="29.25" customHeight="1" x14ac:dyDescent="0.2">
      <c r="B9" s="178" t="s">
        <v>65</v>
      </c>
      <c r="C9" s="178"/>
      <c r="D9" s="178"/>
      <c r="E9" s="178"/>
      <c r="F9" s="178"/>
    </row>
    <row r="10" spans="1:6" ht="4.5" customHeight="1" x14ac:dyDescent="0.2">
      <c r="B10" s="36"/>
      <c r="C10" s="36"/>
      <c r="D10" s="36"/>
      <c r="E10" s="36"/>
      <c r="F10" s="36"/>
    </row>
    <row r="11" spans="1:6" s="2" customFormat="1" ht="20.100000000000001" customHeight="1" x14ac:dyDescent="0.25">
      <c r="B11" s="175" t="s">
        <v>9</v>
      </c>
      <c r="C11" s="175"/>
      <c r="D11" s="175"/>
      <c r="E11" s="175"/>
      <c r="F11" s="175"/>
    </row>
    <row r="12" spans="1:6" s="2" customFormat="1" ht="15" customHeight="1" x14ac:dyDescent="0.25">
      <c r="B12" s="176" t="s">
        <v>358</v>
      </c>
      <c r="C12" s="176"/>
      <c r="D12" s="176"/>
      <c r="E12" s="38"/>
      <c r="F12" s="38"/>
    </row>
    <row r="13" spans="1:6" s="2" customFormat="1" ht="15" customHeight="1" x14ac:dyDescent="0.25">
      <c r="B13" s="176" t="s">
        <v>359</v>
      </c>
      <c r="C13" s="179"/>
      <c r="D13" s="107"/>
      <c r="E13" s="59"/>
      <c r="F13" s="59"/>
    </row>
    <row r="14" spans="1:6" s="2" customFormat="1" ht="15" customHeight="1" x14ac:dyDescent="0.25">
      <c r="B14" s="176" t="s">
        <v>360</v>
      </c>
      <c r="C14" s="176"/>
      <c r="D14" s="107"/>
      <c r="E14" s="59"/>
      <c r="F14" s="59"/>
    </row>
    <row r="15" spans="1:6" s="2" customFormat="1" ht="15" customHeight="1" x14ac:dyDescent="0.25">
      <c r="A15" s="106" t="s">
        <v>361</v>
      </c>
      <c r="B15" s="180" t="s">
        <v>361</v>
      </c>
      <c r="C15" s="180"/>
      <c r="D15" s="107"/>
      <c r="E15" s="81"/>
      <c r="F15" s="81"/>
    </row>
    <row r="16" spans="1:6" s="3" customFormat="1" ht="15" customHeight="1" x14ac:dyDescent="0.25">
      <c r="B16" s="176" t="s">
        <v>64</v>
      </c>
      <c r="C16" s="176"/>
      <c r="D16" s="176"/>
      <c r="E16" s="16"/>
      <c r="F16" s="17"/>
    </row>
    <row r="17" spans="2:9" ht="4.5" customHeight="1" x14ac:dyDescent="0.2">
      <c r="B17" s="39"/>
      <c r="C17" s="39"/>
      <c r="D17" s="39"/>
      <c r="E17" s="36"/>
      <c r="F17" s="36"/>
    </row>
    <row r="18" spans="2:9" ht="20.100000000000001" customHeight="1" x14ac:dyDescent="0.2">
      <c r="B18" s="35" t="s">
        <v>10</v>
      </c>
      <c r="C18" s="35"/>
      <c r="D18" s="18"/>
      <c r="E18" s="19"/>
      <c r="F18" s="19"/>
    </row>
    <row r="19" spans="2:9" s="3" customFormat="1" ht="24.95" customHeight="1" x14ac:dyDescent="0.25">
      <c r="B19" s="151" t="s">
        <v>57</v>
      </c>
      <c r="C19" s="151"/>
      <c r="D19" s="151"/>
      <c r="E19" s="16"/>
      <c r="F19" s="17"/>
    </row>
    <row r="20" spans="2:9" ht="5.0999999999999996" customHeight="1" x14ac:dyDescent="0.2">
      <c r="B20" s="150"/>
      <c r="C20" s="150"/>
      <c r="D20" s="150"/>
      <c r="F20" s="15"/>
    </row>
    <row r="21" spans="2:9" s="2" customFormat="1" ht="20.100000000000001" customHeight="1" x14ac:dyDescent="0.25">
      <c r="B21" s="144" t="s">
        <v>22</v>
      </c>
      <c r="C21" s="144"/>
      <c r="D21" s="144"/>
      <c r="E21" s="144"/>
      <c r="F21" s="144"/>
    </row>
    <row r="22" spans="2:9" ht="47.25" customHeight="1" x14ac:dyDescent="0.2">
      <c r="B22" s="149" t="s">
        <v>362</v>
      </c>
      <c r="C22" s="149"/>
      <c r="D22" s="149"/>
      <c r="E22" s="149"/>
      <c r="F22" s="149"/>
    </row>
    <row r="23" spans="2:9" ht="5.0999999999999996" customHeight="1" x14ac:dyDescent="0.2">
      <c r="B23" s="150"/>
      <c r="C23" s="150"/>
      <c r="D23" s="150"/>
      <c r="F23" s="15"/>
    </row>
    <row r="24" spans="2:9" s="2" customFormat="1" ht="20.100000000000001" customHeight="1" x14ac:dyDescent="0.25">
      <c r="B24" s="144" t="s">
        <v>23</v>
      </c>
      <c r="C24" s="144"/>
      <c r="D24" s="144"/>
      <c r="E24" s="144"/>
      <c r="F24" s="144"/>
    </row>
    <row r="25" spans="2:9" s="9" customFormat="1" ht="20.100000000000001" customHeight="1" x14ac:dyDescent="0.25">
      <c r="B25" s="159" t="s">
        <v>5</v>
      </c>
      <c r="C25" s="159"/>
      <c r="D25" s="159"/>
      <c r="E25" s="159"/>
      <c r="F25" s="159"/>
    </row>
    <row r="26" spans="2:9" s="9" customFormat="1" ht="20.100000000000001" customHeight="1" x14ac:dyDescent="0.25">
      <c r="B26" s="162" t="s">
        <v>16</v>
      </c>
      <c r="C26" s="163"/>
      <c r="D26" s="14"/>
      <c r="E26" s="14"/>
      <c r="F26" s="14"/>
    </row>
    <row r="27" spans="2:9" s="9" customFormat="1" ht="20.100000000000001" customHeight="1" x14ac:dyDescent="0.25">
      <c r="B27" s="13"/>
      <c r="C27" s="67" t="s">
        <v>20</v>
      </c>
      <c r="D27" s="14"/>
      <c r="E27" s="14"/>
      <c r="F27" s="14"/>
    </row>
    <row r="28" spans="2:9" s="9" customFormat="1" ht="20.100000000000001" customHeight="1" x14ac:dyDescent="0.25">
      <c r="B28" s="13"/>
      <c r="C28" s="67" t="s">
        <v>21</v>
      </c>
      <c r="D28" s="14"/>
      <c r="E28" s="14"/>
      <c r="F28" s="14"/>
    </row>
    <row r="29" spans="2:9" s="9" customFormat="1" ht="20.100000000000001" customHeight="1" x14ac:dyDescent="0.25">
      <c r="B29" s="162" t="s">
        <v>17</v>
      </c>
      <c r="C29" s="163"/>
      <c r="D29" s="14"/>
      <c r="E29" s="14"/>
      <c r="F29" s="14"/>
    </row>
    <row r="30" spans="2:9" s="9" customFormat="1" ht="42.75" customHeight="1" x14ac:dyDescent="0.25">
      <c r="B30" s="122" t="s">
        <v>18</v>
      </c>
      <c r="C30" s="160" t="s">
        <v>12</v>
      </c>
      <c r="D30" s="161"/>
      <c r="E30" s="121" t="s">
        <v>11</v>
      </c>
      <c r="F30" s="121" t="s">
        <v>76</v>
      </c>
    </row>
    <row r="31" spans="2:9" s="9" customFormat="1" ht="24.95" customHeight="1" x14ac:dyDescent="0.25">
      <c r="B31" s="40" t="s">
        <v>1</v>
      </c>
      <c r="C31" s="152" t="s">
        <v>77</v>
      </c>
      <c r="D31" s="153"/>
      <c r="E31" s="50" t="s">
        <v>61</v>
      </c>
      <c r="F31" s="57">
        <v>24</v>
      </c>
      <c r="I31" s="49"/>
    </row>
    <row r="32" spans="2:9" s="9" customFormat="1" ht="24.95" customHeight="1" x14ac:dyDescent="0.25">
      <c r="B32" s="40" t="s">
        <v>63</v>
      </c>
      <c r="C32" s="152" t="s">
        <v>78</v>
      </c>
      <c r="D32" s="153"/>
      <c r="E32" s="50" t="s">
        <v>61</v>
      </c>
      <c r="F32" s="57">
        <v>138</v>
      </c>
      <c r="I32" s="49"/>
    </row>
    <row r="33" spans="2:9" s="9" customFormat="1" ht="24.95" customHeight="1" x14ac:dyDescent="0.25">
      <c r="B33" s="40" t="s">
        <v>66</v>
      </c>
      <c r="C33" s="152" t="s">
        <v>79</v>
      </c>
      <c r="D33" s="153"/>
      <c r="E33" s="50" t="s">
        <v>61</v>
      </c>
      <c r="F33" s="57">
        <v>164</v>
      </c>
      <c r="I33" s="49"/>
    </row>
    <row r="34" spans="2:9" s="9" customFormat="1" ht="24.95" customHeight="1" x14ac:dyDescent="0.25">
      <c r="B34" s="40" t="s">
        <v>67</v>
      </c>
      <c r="C34" s="164" t="s">
        <v>439</v>
      </c>
      <c r="D34" s="165"/>
      <c r="E34" s="50" t="s">
        <v>61</v>
      </c>
      <c r="F34" s="57">
        <v>22</v>
      </c>
      <c r="I34" s="49"/>
    </row>
    <row r="35" spans="2:9" s="9" customFormat="1" ht="24.95" customHeight="1" x14ac:dyDescent="0.25">
      <c r="B35" s="40" t="s">
        <v>68</v>
      </c>
      <c r="C35" s="164" t="s">
        <v>72</v>
      </c>
      <c r="D35" s="165"/>
      <c r="E35" s="50" t="s">
        <v>61</v>
      </c>
      <c r="F35" s="119">
        <v>356</v>
      </c>
      <c r="I35" s="49"/>
    </row>
    <row r="36" spans="2:9" s="9" customFormat="1" ht="24.95" customHeight="1" x14ac:dyDescent="0.25">
      <c r="B36" s="40" t="s">
        <v>69</v>
      </c>
      <c r="C36" s="79" t="s">
        <v>73</v>
      </c>
      <c r="D36" s="80"/>
      <c r="E36" s="50" t="s">
        <v>61</v>
      </c>
      <c r="F36" s="57">
        <v>14</v>
      </c>
      <c r="I36" s="49"/>
    </row>
    <row r="37" spans="2:9" s="9" customFormat="1" ht="24.95" customHeight="1" x14ac:dyDescent="0.25">
      <c r="B37" s="40" t="s">
        <v>70</v>
      </c>
      <c r="C37" s="79" t="s">
        <v>74</v>
      </c>
      <c r="D37" s="80"/>
      <c r="E37" s="50" t="s">
        <v>61</v>
      </c>
      <c r="F37" s="57">
        <v>20</v>
      </c>
      <c r="I37" s="49"/>
    </row>
    <row r="38" spans="2:9" s="9" customFormat="1" ht="24.95" customHeight="1" x14ac:dyDescent="0.25">
      <c r="B38" s="40" t="s">
        <v>71</v>
      </c>
      <c r="C38" s="152" t="s">
        <v>75</v>
      </c>
      <c r="D38" s="153"/>
      <c r="E38" s="50" t="s">
        <v>61</v>
      </c>
      <c r="F38" s="57">
        <v>10</v>
      </c>
      <c r="I38" s="49"/>
    </row>
    <row r="39" spans="2:9" s="9" customFormat="1" ht="4.5" customHeight="1" x14ac:dyDescent="0.25">
      <c r="B39" s="14"/>
      <c r="C39" s="68"/>
      <c r="D39" s="14"/>
      <c r="E39" s="14"/>
      <c r="F39" s="14"/>
    </row>
    <row r="40" spans="2:9" s="9" customFormat="1" ht="20.100000000000001" customHeight="1" x14ac:dyDescent="0.25">
      <c r="B40" s="162" t="s">
        <v>19</v>
      </c>
      <c r="C40" s="163"/>
      <c r="D40" s="14"/>
      <c r="E40" s="14"/>
      <c r="F40" s="14"/>
    </row>
    <row r="41" spans="2:9" s="9" customFormat="1" ht="20.100000000000001" customHeight="1" x14ac:dyDescent="0.2">
      <c r="B41" s="10"/>
      <c r="C41" s="69" t="s">
        <v>2</v>
      </c>
      <c r="D41" s="14"/>
      <c r="E41" s="14"/>
      <c r="F41" s="14"/>
    </row>
    <row r="42" spans="2:9" s="9" customFormat="1" ht="20.100000000000001" customHeight="1" x14ac:dyDescent="0.25">
      <c r="B42" s="13"/>
      <c r="C42" s="3" t="s">
        <v>3</v>
      </c>
      <c r="D42" s="14"/>
      <c r="E42" s="14"/>
      <c r="F42" s="14"/>
    </row>
    <row r="43" spans="2:9" ht="5.0999999999999996" customHeight="1" x14ac:dyDescent="0.2"/>
    <row r="44" spans="2:9" s="2" customFormat="1" ht="20.100000000000001" customHeight="1" x14ac:dyDescent="0.25">
      <c r="B44" s="144" t="s">
        <v>24</v>
      </c>
      <c r="C44" s="144"/>
      <c r="D44" s="144"/>
      <c r="E44" s="144"/>
      <c r="F44" s="144"/>
    </row>
    <row r="45" spans="2:9" s="2" customFormat="1" ht="5.0999999999999996" customHeight="1" thickBot="1" x14ac:dyDescent="0.3">
      <c r="B45" s="15"/>
      <c r="C45" s="3"/>
      <c r="D45" s="6"/>
      <c r="E45" s="6"/>
      <c r="F45" s="6"/>
    </row>
    <row r="46" spans="2:9" s="3" customFormat="1" ht="93" customHeight="1" x14ac:dyDescent="0.25">
      <c r="B46" s="145" t="s">
        <v>0</v>
      </c>
      <c r="C46" s="146"/>
      <c r="D46" s="154" t="s">
        <v>25</v>
      </c>
      <c r="E46" s="155"/>
      <c r="F46" s="156"/>
      <c r="G46" s="20"/>
    </row>
    <row r="47" spans="2:9" s="3" customFormat="1" ht="30" customHeight="1" thickBot="1" x14ac:dyDescent="0.3">
      <c r="B47" s="147"/>
      <c r="C47" s="148"/>
      <c r="D47" s="21" t="s">
        <v>26</v>
      </c>
      <c r="E47" s="157" t="s">
        <v>27</v>
      </c>
      <c r="F47" s="158"/>
    </row>
    <row r="48" spans="2:9" s="22" customFormat="1" ht="30.75" customHeight="1" x14ac:dyDescent="0.25">
      <c r="B48" s="137" t="s">
        <v>80</v>
      </c>
      <c r="C48" s="138"/>
      <c r="D48" s="138"/>
      <c r="E48" s="138"/>
      <c r="F48" s="139"/>
    </row>
    <row r="49" spans="2:6" s="4" customFormat="1" ht="29.25" customHeight="1" x14ac:dyDescent="0.25">
      <c r="B49" s="84" t="s">
        <v>14</v>
      </c>
      <c r="C49" s="83" t="s">
        <v>81</v>
      </c>
      <c r="D49" s="42"/>
      <c r="E49" s="129" t="s">
        <v>450</v>
      </c>
      <c r="F49" s="130"/>
    </row>
    <row r="50" spans="2:6" s="4" customFormat="1" ht="29.25" customHeight="1" x14ac:dyDescent="0.25">
      <c r="B50" s="88" t="s">
        <v>82</v>
      </c>
      <c r="C50" s="85" t="s">
        <v>83</v>
      </c>
      <c r="D50" s="42"/>
      <c r="E50" s="185"/>
      <c r="F50" s="186"/>
    </row>
    <row r="51" spans="2:6" s="4" customFormat="1" ht="29.25" customHeight="1" x14ac:dyDescent="0.25">
      <c r="B51" s="64" t="s">
        <v>95</v>
      </c>
      <c r="C51" s="53" t="s">
        <v>84</v>
      </c>
      <c r="D51" s="42"/>
      <c r="E51" s="129"/>
      <c r="F51" s="130"/>
    </row>
    <row r="52" spans="2:6" s="4" customFormat="1" ht="29.25" customHeight="1" x14ac:dyDescent="0.25">
      <c r="B52" s="64" t="s">
        <v>96</v>
      </c>
      <c r="C52" s="53" t="s">
        <v>85</v>
      </c>
      <c r="D52" s="42"/>
      <c r="E52" s="129"/>
      <c r="F52" s="130"/>
    </row>
    <row r="53" spans="2:6" s="4" customFormat="1" ht="29.25" customHeight="1" x14ac:dyDescent="0.25">
      <c r="B53" s="64" t="s">
        <v>97</v>
      </c>
      <c r="C53" s="53" t="s">
        <v>86</v>
      </c>
      <c r="D53" s="42"/>
      <c r="E53" s="129"/>
      <c r="F53" s="130"/>
    </row>
    <row r="54" spans="2:6" s="4" customFormat="1" ht="29.25" customHeight="1" x14ac:dyDescent="0.25">
      <c r="B54" s="64" t="s">
        <v>98</v>
      </c>
      <c r="C54" s="53" t="s">
        <v>87</v>
      </c>
      <c r="D54" s="42"/>
      <c r="E54" s="129"/>
      <c r="F54" s="130"/>
    </row>
    <row r="55" spans="2:6" s="4" customFormat="1" ht="29.25" customHeight="1" x14ac:dyDescent="0.25">
      <c r="B55" s="64" t="s">
        <v>99</v>
      </c>
      <c r="C55" s="53" t="s">
        <v>88</v>
      </c>
      <c r="D55" s="42"/>
      <c r="E55" s="129"/>
      <c r="F55" s="130"/>
    </row>
    <row r="56" spans="2:6" s="4" customFormat="1" ht="29.25" customHeight="1" x14ac:dyDescent="0.25">
      <c r="B56" s="64" t="s">
        <v>100</v>
      </c>
      <c r="C56" s="53" t="s">
        <v>89</v>
      </c>
      <c r="D56" s="42"/>
      <c r="E56" s="129"/>
      <c r="F56" s="130"/>
    </row>
    <row r="57" spans="2:6" s="4" customFormat="1" ht="29.25" customHeight="1" x14ac:dyDescent="0.25">
      <c r="B57" s="64" t="s">
        <v>101</v>
      </c>
      <c r="C57" s="53" t="s">
        <v>90</v>
      </c>
      <c r="D57" s="42"/>
      <c r="E57" s="129"/>
      <c r="F57" s="130"/>
    </row>
    <row r="58" spans="2:6" s="4" customFormat="1" ht="29.25" customHeight="1" x14ac:dyDescent="0.25">
      <c r="B58" s="64" t="s">
        <v>102</v>
      </c>
      <c r="C58" s="53" t="s">
        <v>91</v>
      </c>
      <c r="D58" s="42"/>
      <c r="E58" s="129"/>
      <c r="F58" s="130"/>
    </row>
    <row r="59" spans="2:6" s="4" customFormat="1" ht="29.25" customHeight="1" x14ac:dyDescent="0.25">
      <c r="B59" s="64" t="s">
        <v>103</v>
      </c>
      <c r="C59" s="53" t="s">
        <v>92</v>
      </c>
      <c r="D59" s="42"/>
      <c r="E59" s="129"/>
      <c r="F59" s="130"/>
    </row>
    <row r="60" spans="2:6" s="4" customFormat="1" ht="29.25" customHeight="1" x14ac:dyDescent="0.25">
      <c r="B60" s="64" t="s">
        <v>104</v>
      </c>
      <c r="C60" s="53" t="s">
        <v>93</v>
      </c>
      <c r="D60" s="42"/>
      <c r="E60" s="129"/>
      <c r="F60" s="130"/>
    </row>
    <row r="61" spans="2:6" s="4" customFormat="1" ht="29.25" customHeight="1" x14ac:dyDescent="0.25">
      <c r="B61" s="64" t="s">
        <v>105</v>
      </c>
      <c r="C61" s="53" t="s">
        <v>94</v>
      </c>
      <c r="D61" s="42"/>
      <c r="E61" s="129"/>
      <c r="F61" s="130"/>
    </row>
    <row r="62" spans="2:6" s="4" customFormat="1" ht="29.25" customHeight="1" x14ac:dyDescent="0.25">
      <c r="B62" s="88" t="s">
        <v>117</v>
      </c>
      <c r="C62" s="86" t="s">
        <v>106</v>
      </c>
      <c r="D62" s="42"/>
      <c r="E62" s="129"/>
      <c r="F62" s="130"/>
    </row>
    <row r="63" spans="2:6" s="4" customFormat="1" ht="29.25" customHeight="1" x14ac:dyDescent="0.25">
      <c r="B63" s="64" t="s">
        <v>118</v>
      </c>
      <c r="C63" s="53" t="s">
        <v>430</v>
      </c>
      <c r="D63" s="42"/>
      <c r="E63" s="129"/>
      <c r="F63" s="130"/>
    </row>
    <row r="64" spans="2:6" s="4" customFormat="1" ht="29.25" customHeight="1" x14ac:dyDescent="0.25">
      <c r="B64" s="64" t="s">
        <v>119</v>
      </c>
      <c r="C64" s="53" t="s">
        <v>107</v>
      </c>
      <c r="D64" s="42"/>
      <c r="E64" s="129"/>
      <c r="F64" s="130"/>
    </row>
    <row r="65" spans="2:6" s="4" customFormat="1" ht="29.25" customHeight="1" x14ac:dyDescent="0.25">
      <c r="B65" s="64" t="s">
        <v>120</v>
      </c>
      <c r="C65" s="53" t="s">
        <v>108</v>
      </c>
      <c r="D65" s="42"/>
      <c r="E65" s="129"/>
      <c r="F65" s="130"/>
    </row>
    <row r="66" spans="2:6" s="4" customFormat="1" ht="29.25" customHeight="1" x14ac:dyDescent="0.25">
      <c r="B66" s="64" t="s">
        <v>121</v>
      </c>
      <c r="C66" s="53" t="s">
        <v>109</v>
      </c>
      <c r="D66" s="42"/>
      <c r="E66" s="129"/>
      <c r="F66" s="130"/>
    </row>
    <row r="67" spans="2:6" s="4" customFormat="1" ht="29.25" customHeight="1" x14ac:dyDescent="0.25">
      <c r="B67" s="64" t="s">
        <v>122</v>
      </c>
      <c r="C67" s="53" t="s">
        <v>110</v>
      </c>
      <c r="D67" s="42"/>
      <c r="E67" s="129"/>
      <c r="F67" s="130"/>
    </row>
    <row r="68" spans="2:6" s="4" customFormat="1" ht="29.25" customHeight="1" x14ac:dyDescent="0.25">
      <c r="B68" s="64" t="s">
        <v>123</v>
      </c>
      <c r="C68" s="53" t="s">
        <v>111</v>
      </c>
      <c r="D68" s="42"/>
      <c r="E68" s="129"/>
      <c r="F68" s="130"/>
    </row>
    <row r="69" spans="2:6" s="4" customFormat="1" ht="29.25" customHeight="1" x14ac:dyDescent="0.25">
      <c r="B69" s="64" t="s">
        <v>124</v>
      </c>
      <c r="C69" s="53" t="s">
        <v>112</v>
      </c>
      <c r="D69" s="42"/>
      <c r="E69" s="129"/>
      <c r="F69" s="130"/>
    </row>
    <row r="70" spans="2:6" s="4" customFormat="1" ht="29.25" customHeight="1" x14ac:dyDescent="0.25">
      <c r="B70" s="64" t="s">
        <v>125</v>
      </c>
      <c r="C70" s="53" t="s">
        <v>113</v>
      </c>
      <c r="D70" s="42"/>
      <c r="E70" s="129"/>
      <c r="F70" s="130"/>
    </row>
    <row r="71" spans="2:6" s="4" customFormat="1" ht="29.25" customHeight="1" x14ac:dyDescent="0.25">
      <c r="B71" s="64" t="s">
        <v>126</v>
      </c>
      <c r="C71" s="53" t="s">
        <v>114</v>
      </c>
      <c r="D71" s="42"/>
      <c r="E71" s="129"/>
      <c r="F71" s="130"/>
    </row>
    <row r="72" spans="2:6" s="4" customFormat="1" ht="29.25" customHeight="1" x14ac:dyDescent="0.25">
      <c r="B72" s="64" t="s">
        <v>127</v>
      </c>
      <c r="C72" s="53" t="s">
        <v>115</v>
      </c>
      <c r="D72" s="42"/>
      <c r="E72" s="129"/>
      <c r="F72" s="130"/>
    </row>
    <row r="73" spans="2:6" s="4" customFormat="1" ht="29.25" customHeight="1" x14ac:dyDescent="0.25">
      <c r="B73" s="64" t="s">
        <v>128</v>
      </c>
      <c r="C73" s="53" t="s">
        <v>428</v>
      </c>
      <c r="D73" s="42"/>
      <c r="E73" s="129"/>
      <c r="F73" s="130"/>
    </row>
    <row r="74" spans="2:6" s="4" customFormat="1" ht="29.25" customHeight="1" x14ac:dyDescent="0.25">
      <c r="B74" s="64" t="s">
        <v>129</v>
      </c>
      <c r="C74" s="53" t="s">
        <v>116</v>
      </c>
      <c r="D74" s="42"/>
      <c r="E74" s="131"/>
      <c r="F74" s="132"/>
    </row>
    <row r="75" spans="2:6" s="4" customFormat="1" ht="29.25" customHeight="1" x14ac:dyDescent="0.25">
      <c r="B75" s="88" t="s">
        <v>130</v>
      </c>
      <c r="C75" s="86" t="s">
        <v>131</v>
      </c>
      <c r="D75" s="42"/>
      <c r="E75" s="185"/>
      <c r="F75" s="186"/>
    </row>
    <row r="76" spans="2:6" s="4" customFormat="1" ht="29.25" customHeight="1" x14ac:dyDescent="0.25">
      <c r="B76" s="64" t="s">
        <v>143</v>
      </c>
      <c r="C76" s="53" t="s">
        <v>132</v>
      </c>
      <c r="D76" s="42"/>
      <c r="E76" s="185"/>
      <c r="F76" s="186"/>
    </row>
    <row r="77" spans="2:6" s="4" customFormat="1" ht="29.25" customHeight="1" x14ac:dyDescent="0.25">
      <c r="B77" s="64" t="s">
        <v>144</v>
      </c>
      <c r="C77" s="53" t="s">
        <v>133</v>
      </c>
      <c r="D77" s="42"/>
      <c r="E77" s="131"/>
      <c r="F77" s="132"/>
    </row>
    <row r="78" spans="2:6" s="4" customFormat="1" ht="29.25" customHeight="1" x14ac:dyDescent="0.25">
      <c r="B78" s="64" t="s">
        <v>145</v>
      </c>
      <c r="C78" s="53" t="s">
        <v>134</v>
      </c>
      <c r="D78" s="42"/>
      <c r="E78" s="131"/>
      <c r="F78" s="132"/>
    </row>
    <row r="79" spans="2:6" s="4" customFormat="1" ht="29.25" customHeight="1" x14ac:dyDescent="0.25">
      <c r="B79" s="64" t="s">
        <v>146</v>
      </c>
      <c r="C79" s="53" t="s">
        <v>135</v>
      </c>
      <c r="D79" s="42"/>
      <c r="E79" s="131"/>
      <c r="F79" s="132"/>
    </row>
    <row r="80" spans="2:6" s="4" customFormat="1" ht="29.25" customHeight="1" x14ac:dyDescent="0.25">
      <c r="B80" s="64" t="s">
        <v>147</v>
      </c>
      <c r="C80" s="53" t="s">
        <v>136</v>
      </c>
      <c r="D80" s="42"/>
      <c r="E80" s="131"/>
      <c r="F80" s="132"/>
    </row>
    <row r="81" spans="2:6" s="4" customFormat="1" ht="29.25" customHeight="1" x14ac:dyDescent="0.25">
      <c r="B81" s="64" t="s">
        <v>148</v>
      </c>
      <c r="C81" s="61" t="s">
        <v>137</v>
      </c>
      <c r="D81" s="62"/>
      <c r="E81" s="131"/>
      <c r="F81" s="132"/>
    </row>
    <row r="82" spans="2:6" s="4" customFormat="1" ht="29.25" customHeight="1" x14ac:dyDescent="0.25">
      <c r="B82" s="64" t="s">
        <v>149</v>
      </c>
      <c r="C82" s="61" t="s">
        <v>138</v>
      </c>
      <c r="D82" s="62"/>
      <c r="E82" s="131"/>
      <c r="F82" s="132"/>
    </row>
    <row r="83" spans="2:6" s="4" customFormat="1" ht="29.25" customHeight="1" x14ac:dyDescent="0.25">
      <c r="B83" s="64" t="s">
        <v>150</v>
      </c>
      <c r="C83" s="61" t="s">
        <v>139</v>
      </c>
      <c r="D83" s="62"/>
      <c r="E83" s="131"/>
      <c r="F83" s="132"/>
    </row>
    <row r="84" spans="2:6" s="4" customFormat="1" ht="29.25" customHeight="1" x14ac:dyDescent="0.25">
      <c r="B84" s="64" t="s">
        <v>151</v>
      </c>
      <c r="C84" s="61" t="s">
        <v>140</v>
      </c>
      <c r="D84" s="62"/>
      <c r="E84" s="131"/>
      <c r="F84" s="132"/>
    </row>
    <row r="85" spans="2:6" s="4" customFormat="1" ht="29.25" customHeight="1" x14ac:dyDescent="0.25">
      <c r="B85" s="64" t="s">
        <v>152</v>
      </c>
      <c r="C85" s="61" t="s">
        <v>141</v>
      </c>
      <c r="D85" s="62"/>
      <c r="E85" s="131"/>
      <c r="F85" s="132"/>
    </row>
    <row r="86" spans="2:6" s="4" customFormat="1" ht="29.25" customHeight="1" thickBot="1" x14ac:dyDescent="0.3">
      <c r="B86" s="64" t="s">
        <v>153</v>
      </c>
      <c r="C86" s="53" t="s">
        <v>142</v>
      </c>
      <c r="D86" s="51"/>
      <c r="E86" s="131"/>
      <c r="F86" s="132"/>
    </row>
    <row r="87" spans="2:6" s="4" customFormat="1" ht="29.25" customHeight="1" x14ac:dyDescent="0.25">
      <c r="B87" s="137" t="s">
        <v>154</v>
      </c>
      <c r="C87" s="138"/>
      <c r="D87" s="138"/>
      <c r="E87" s="138"/>
      <c r="F87" s="139"/>
    </row>
    <row r="88" spans="2:6" s="4" customFormat="1" ht="29.25" customHeight="1" x14ac:dyDescent="0.25">
      <c r="B88" s="89" t="s">
        <v>54</v>
      </c>
      <c r="C88" s="91" t="s">
        <v>155</v>
      </c>
      <c r="D88" s="62"/>
      <c r="E88" s="142" t="s">
        <v>450</v>
      </c>
      <c r="F88" s="143"/>
    </row>
    <row r="89" spans="2:6" s="4" customFormat="1" ht="29.25" customHeight="1" x14ac:dyDescent="0.25">
      <c r="B89" s="98" t="s">
        <v>156</v>
      </c>
      <c r="C89" s="97" t="s">
        <v>83</v>
      </c>
      <c r="D89" s="90"/>
      <c r="E89" s="94"/>
      <c r="F89" s="95"/>
    </row>
    <row r="90" spans="2:6" s="4" customFormat="1" ht="29.25" customHeight="1" x14ac:dyDescent="0.25">
      <c r="B90" s="96" t="s">
        <v>158</v>
      </c>
      <c r="C90" s="87" t="s">
        <v>157</v>
      </c>
      <c r="D90" s="90"/>
      <c r="E90" s="135"/>
      <c r="F90" s="136"/>
    </row>
    <row r="91" spans="2:6" s="4" customFormat="1" ht="29.25" customHeight="1" x14ac:dyDescent="0.25">
      <c r="B91" s="96" t="s">
        <v>159</v>
      </c>
      <c r="C91" s="82" t="s">
        <v>85</v>
      </c>
      <c r="D91" s="90"/>
      <c r="E91" s="135"/>
      <c r="F91" s="136"/>
    </row>
    <row r="92" spans="2:6" s="4" customFormat="1" ht="29.25" customHeight="1" x14ac:dyDescent="0.25">
      <c r="B92" s="96" t="s">
        <v>160</v>
      </c>
      <c r="C92" s="87" t="s">
        <v>86</v>
      </c>
      <c r="D92" s="90"/>
      <c r="E92" s="135"/>
      <c r="F92" s="136"/>
    </row>
    <row r="93" spans="2:6" s="4" customFormat="1" ht="29.25" customHeight="1" x14ac:dyDescent="0.25">
      <c r="B93" s="96" t="s">
        <v>161</v>
      </c>
      <c r="C93" s="87" t="s">
        <v>87</v>
      </c>
      <c r="D93" s="90"/>
      <c r="E93" s="135"/>
      <c r="F93" s="136"/>
    </row>
    <row r="94" spans="2:6" s="4" customFormat="1" ht="29.25" customHeight="1" x14ac:dyDescent="0.25">
      <c r="B94" s="96" t="s">
        <v>162</v>
      </c>
      <c r="C94" s="82" t="s">
        <v>88</v>
      </c>
      <c r="D94" s="90"/>
      <c r="E94" s="135"/>
      <c r="F94" s="136"/>
    </row>
    <row r="95" spans="2:6" s="4" customFormat="1" ht="29.25" customHeight="1" x14ac:dyDescent="0.25">
      <c r="B95" s="96" t="s">
        <v>163</v>
      </c>
      <c r="C95" s="83" t="s">
        <v>89</v>
      </c>
      <c r="D95" s="90"/>
      <c r="E95" s="135"/>
      <c r="F95" s="136"/>
    </row>
    <row r="96" spans="2:6" s="4" customFormat="1" ht="29.25" customHeight="1" x14ac:dyDescent="0.25">
      <c r="B96" s="96" t="s">
        <v>164</v>
      </c>
      <c r="C96" s="83" t="s">
        <v>90</v>
      </c>
      <c r="D96" s="90"/>
      <c r="E96" s="135"/>
      <c r="F96" s="136"/>
    </row>
    <row r="97" spans="2:6" s="4" customFormat="1" ht="29.25" customHeight="1" x14ac:dyDescent="0.25">
      <c r="B97" s="96" t="s">
        <v>165</v>
      </c>
      <c r="C97" s="83" t="s">
        <v>91</v>
      </c>
      <c r="D97" s="90"/>
      <c r="E97" s="135"/>
      <c r="F97" s="136"/>
    </row>
    <row r="98" spans="2:6" s="4" customFormat="1" ht="29.25" customHeight="1" x14ac:dyDescent="0.25">
      <c r="B98" s="96" t="s">
        <v>166</v>
      </c>
      <c r="C98" s="93" t="s">
        <v>92</v>
      </c>
      <c r="D98" s="90"/>
      <c r="E98" s="135"/>
      <c r="F98" s="136"/>
    </row>
    <row r="99" spans="2:6" s="4" customFormat="1" ht="29.25" customHeight="1" x14ac:dyDescent="0.25">
      <c r="B99" s="96" t="s">
        <v>167</v>
      </c>
      <c r="C99" s="93" t="s">
        <v>93</v>
      </c>
      <c r="D99" s="90"/>
      <c r="E99" s="135"/>
      <c r="F99" s="136"/>
    </row>
    <row r="100" spans="2:6" s="4" customFormat="1" ht="29.25" customHeight="1" x14ac:dyDescent="0.25">
      <c r="B100" s="96" t="s">
        <v>168</v>
      </c>
      <c r="C100" s="92" t="s">
        <v>94</v>
      </c>
      <c r="D100" s="90"/>
      <c r="E100" s="135"/>
      <c r="F100" s="136"/>
    </row>
    <row r="101" spans="2:6" s="4" customFormat="1" ht="29.25" customHeight="1" x14ac:dyDescent="0.25">
      <c r="B101" s="98" t="s">
        <v>169</v>
      </c>
      <c r="C101" s="99" t="s">
        <v>106</v>
      </c>
      <c r="D101" s="90"/>
      <c r="E101" s="135"/>
      <c r="F101" s="136"/>
    </row>
    <row r="102" spans="2:6" s="4" customFormat="1" ht="29.25" customHeight="1" x14ac:dyDescent="0.25">
      <c r="B102" s="96" t="s">
        <v>171</v>
      </c>
      <c r="C102" s="77" t="s">
        <v>429</v>
      </c>
      <c r="D102" s="90"/>
      <c r="E102" s="135"/>
      <c r="F102" s="136"/>
    </row>
    <row r="103" spans="2:6" s="4" customFormat="1" ht="29.25" customHeight="1" x14ac:dyDescent="0.25">
      <c r="B103" s="96" t="s">
        <v>172</v>
      </c>
      <c r="C103" s="77" t="s">
        <v>107</v>
      </c>
      <c r="D103" s="90"/>
      <c r="E103" s="135"/>
      <c r="F103" s="136"/>
    </row>
    <row r="104" spans="2:6" s="4" customFormat="1" ht="29.25" customHeight="1" x14ac:dyDescent="0.25">
      <c r="B104" s="96" t="s">
        <v>173</v>
      </c>
      <c r="C104" s="77" t="s">
        <v>108</v>
      </c>
      <c r="D104" s="90"/>
      <c r="E104" s="135"/>
      <c r="F104" s="136"/>
    </row>
    <row r="105" spans="2:6" s="4" customFormat="1" ht="29.25" customHeight="1" x14ac:dyDescent="0.25">
      <c r="B105" s="96" t="s">
        <v>174</v>
      </c>
      <c r="C105" s="77" t="s">
        <v>109</v>
      </c>
      <c r="D105" s="90"/>
      <c r="E105" s="135"/>
      <c r="F105" s="136"/>
    </row>
    <row r="106" spans="2:6" s="4" customFormat="1" ht="29.25" customHeight="1" x14ac:dyDescent="0.25">
      <c r="B106" s="96" t="s">
        <v>175</v>
      </c>
      <c r="C106" s="77" t="s">
        <v>110</v>
      </c>
      <c r="D106" s="90"/>
      <c r="E106" s="135"/>
      <c r="F106" s="136"/>
    </row>
    <row r="107" spans="2:6" s="4" customFormat="1" ht="29.25" customHeight="1" x14ac:dyDescent="0.25">
      <c r="B107" s="96" t="s">
        <v>176</v>
      </c>
      <c r="C107" s="77" t="s">
        <v>111</v>
      </c>
      <c r="D107" s="90"/>
      <c r="E107" s="135"/>
      <c r="F107" s="136"/>
    </row>
    <row r="108" spans="2:6" s="4" customFormat="1" ht="29.25" customHeight="1" x14ac:dyDescent="0.25">
      <c r="B108" s="96" t="s">
        <v>177</v>
      </c>
      <c r="C108" s="77" t="s">
        <v>112</v>
      </c>
      <c r="D108" s="90"/>
      <c r="E108" s="135"/>
      <c r="F108" s="136"/>
    </row>
    <row r="109" spans="2:6" s="4" customFormat="1" ht="29.25" customHeight="1" x14ac:dyDescent="0.25">
      <c r="B109" s="96" t="s">
        <v>178</v>
      </c>
      <c r="C109" s="77" t="s">
        <v>113</v>
      </c>
      <c r="D109" s="90"/>
      <c r="E109" s="135"/>
      <c r="F109" s="136"/>
    </row>
    <row r="110" spans="2:6" s="4" customFormat="1" ht="29.25" customHeight="1" x14ac:dyDescent="0.25">
      <c r="B110" s="96" t="s">
        <v>179</v>
      </c>
      <c r="C110" s="77" t="s">
        <v>114</v>
      </c>
      <c r="D110" s="90"/>
      <c r="E110" s="135"/>
      <c r="F110" s="136"/>
    </row>
    <row r="111" spans="2:6" s="4" customFormat="1" ht="29.25" customHeight="1" x14ac:dyDescent="0.25">
      <c r="B111" s="96" t="s">
        <v>180</v>
      </c>
      <c r="C111" s="77" t="s">
        <v>115</v>
      </c>
      <c r="D111" s="90"/>
      <c r="E111" s="135"/>
      <c r="F111" s="136"/>
    </row>
    <row r="112" spans="2:6" s="4" customFormat="1" ht="29.25" customHeight="1" x14ac:dyDescent="0.25">
      <c r="B112" s="96" t="s">
        <v>181</v>
      </c>
      <c r="C112" s="77" t="s">
        <v>428</v>
      </c>
      <c r="D112" s="90"/>
      <c r="E112" s="135"/>
      <c r="F112" s="136"/>
    </row>
    <row r="113" spans="2:6" s="4" customFormat="1" ht="29.25" customHeight="1" x14ac:dyDescent="0.25">
      <c r="B113" s="96" t="s">
        <v>182</v>
      </c>
      <c r="C113" s="77" t="s">
        <v>116</v>
      </c>
      <c r="D113" s="90"/>
      <c r="E113" s="135"/>
      <c r="F113" s="136"/>
    </row>
    <row r="114" spans="2:6" s="4" customFormat="1" ht="29.25" customHeight="1" x14ac:dyDescent="0.25">
      <c r="B114" s="98" t="s">
        <v>183</v>
      </c>
      <c r="C114" s="99" t="s">
        <v>131</v>
      </c>
      <c r="D114" s="90"/>
      <c r="E114" s="135"/>
      <c r="F114" s="136"/>
    </row>
    <row r="115" spans="2:6" s="4" customFormat="1" ht="29.25" customHeight="1" x14ac:dyDescent="0.25">
      <c r="B115" s="96" t="s">
        <v>184</v>
      </c>
      <c r="C115" s="77" t="s">
        <v>132</v>
      </c>
      <c r="D115" s="90"/>
      <c r="E115" s="135"/>
      <c r="F115" s="136"/>
    </row>
    <row r="116" spans="2:6" s="4" customFormat="1" ht="29.25" customHeight="1" x14ac:dyDescent="0.25">
      <c r="B116" s="96" t="s">
        <v>185</v>
      </c>
      <c r="C116" s="77" t="s">
        <v>133</v>
      </c>
      <c r="D116" s="90"/>
      <c r="E116" s="135"/>
      <c r="F116" s="136"/>
    </row>
    <row r="117" spans="2:6" s="4" customFormat="1" ht="29.25" customHeight="1" x14ac:dyDescent="0.25">
      <c r="B117" s="96" t="s">
        <v>186</v>
      </c>
      <c r="C117" s="77" t="s">
        <v>170</v>
      </c>
      <c r="D117" s="90"/>
      <c r="E117" s="135"/>
      <c r="F117" s="136"/>
    </row>
    <row r="118" spans="2:6" s="4" customFormat="1" ht="29.25" customHeight="1" x14ac:dyDescent="0.25">
      <c r="B118" s="96" t="s">
        <v>187</v>
      </c>
      <c r="C118" s="77" t="s">
        <v>135</v>
      </c>
      <c r="D118" s="90"/>
      <c r="E118" s="135"/>
      <c r="F118" s="136"/>
    </row>
    <row r="119" spans="2:6" s="4" customFormat="1" ht="29.25" customHeight="1" x14ac:dyDescent="0.25">
      <c r="B119" s="96" t="s">
        <v>188</v>
      </c>
      <c r="C119" s="77" t="s">
        <v>136</v>
      </c>
      <c r="D119" s="90"/>
      <c r="E119" s="135"/>
      <c r="F119" s="136"/>
    </row>
    <row r="120" spans="2:6" s="4" customFormat="1" ht="29.25" customHeight="1" x14ac:dyDescent="0.25">
      <c r="B120" s="96" t="s">
        <v>189</v>
      </c>
      <c r="C120" s="77" t="s">
        <v>137</v>
      </c>
      <c r="D120" s="90"/>
      <c r="E120" s="135"/>
      <c r="F120" s="136"/>
    </row>
    <row r="121" spans="2:6" s="4" customFormat="1" ht="29.25" customHeight="1" x14ac:dyDescent="0.25">
      <c r="B121" s="96" t="s">
        <v>190</v>
      </c>
      <c r="C121" s="77" t="s">
        <v>138</v>
      </c>
      <c r="D121" s="90"/>
      <c r="E121" s="135"/>
      <c r="F121" s="136"/>
    </row>
    <row r="122" spans="2:6" s="4" customFormat="1" ht="29.25" customHeight="1" x14ac:dyDescent="0.25">
      <c r="B122" s="96" t="s">
        <v>191</v>
      </c>
      <c r="C122" s="77" t="s">
        <v>431</v>
      </c>
      <c r="D122" s="90"/>
      <c r="E122" s="135"/>
      <c r="F122" s="136"/>
    </row>
    <row r="123" spans="2:6" s="4" customFormat="1" ht="29.25" customHeight="1" x14ac:dyDescent="0.25">
      <c r="B123" s="96" t="s">
        <v>192</v>
      </c>
      <c r="C123" s="63" t="s">
        <v>140</v>
      </c>
      <c r="D123" s="62"/>
      <c r="E123" s="140"/>
      <c r="F123" s="141"/>
    </row>
    <row r="124" spans="2:6" s="4" customFormat="1" ht="29.25" customHeight="1" x14ac:dyDescent="0.25">
      <c r="B124" s="96" t="s">
        <v>193</v>
      </c>
      <c r="C124" s="77" t="s">
        <v>141</v>
      </c>
      <c r="D124" s="62"/>
      <c r="E124" s="140"/>
      <c r="F124" s="141"/>
    </row>
    <row r="125" spans="2:6" s="4" customFormat="1" ht="29.25" customHeight="1" thickBot="1" x14ac:dyDescent="0.3">
      <c r="B125" s="96" t="s">
        <v>194</v>
      </c>
      <c r="C125" s="77" t="s">
        <v>142</v>
      </c>
      <c r="D125" s="62"/>
      <c r="E125" s="140"/>
      <c r="F125" s="141"/>
    </row>
    <row r="126" spans="2:6" s="4" customFormat="1" ht="29.25" customHeight="1" x14ac:dyDescent="0.25">
      <c r="B126" s="137" t="s">
        <v>195</v>
      </c>
      <c r="C126" s="138"/>
      <c r="D126" s="138"/>
      <c r="E126" s="138"/>
      <c r="F126" s="139"/>
    </row>
    <row r="127" spans="2:6" s="4" customFormat="1" ht="29.25" customHeight="1" x14ac:dyDescent="0.25">
      <c r="B127" s="89" t="s">
        <v>55</v>
      </c>
      <c r="C127" s="78" t="s">
        <v>155</v>
      </c>
      <c r="D127" s="62"/>
      <c r="E127" s="185" t="s">
        <v>450</v>
      </c>
      <c r="F127" s="186"/>
    </row>
    <row r="128" spans="2:6" s="4" customFormat="1" ht="29.25" customHeight="1" x14ac:dyDescent="0.25">
      <c r="B128" s="100" t="s">
        <v>196</v>
      </c>
      <c r="C128" s="99" t="s">
        <v>83</v>
      </c>
      <c r="D128" s="62"/>
      <c r="E128" s="185"/>
      <c r="F128" s="186"/>
    </row>
    <row r="129" spans="2:6" s="4" customFormat="1" ht="29.25" customHeight="1" x14ac:dyDescent="0.25">
      <c r="B129" s="101" t="s">
        <v>200</v>
      </c>
      <c r="C129" s="77" t="s">
        <v>197</v>
      </c>
      <c r="D129" s="62"/>
      <c r="E129" s="185"/>
      <c r="F129" s="186"/>
    </row>
    <row r="130" spans="2:6" s="4" customFormat="1" ht="29.25" customHeight="1" x14ac:dyDescent="0.25">
      <c r="B130" s="101" t="s">
        <v>202</v>
      </c>
      <c r="C130" s="77" t="s">
        <v>85</v>
      </c>
      <c r="D130" s="62"/>
      <c r="E130" s="185"/>
      <c r="F130" s="186"/>
    </row>
    <row r="131" spans="2:6" s="4" customFormat="1" ht="29.25" customHeight="1" x14ac:dyDescent="0.25">
      <c r="B131" s="101" t="s">
        <v>203</v>
      </c>
      <c r="C131" s="77" t="s">
        <v>86</v>
      </c>
      <c r="D131" s="62"/>
      <c r="E131" s="185"/>
      <c r="F131" s="186"/>
    </row>
    <row r="132" spans="2:6" s="4" customFormat="1" ht="29.25" customHeight="1" x14ac:dyDescent="0.25">
      <c r="B132" s="101" t="s">
        <v>204</v>
      </c>
      <c r="C132" s="77" t="s">
        <v>87</v>
      </c>
      <c r="D132" s="62"/>
      <c r="E132" s="185"/>
      <c r="F132" s="186"/>
    </row>
    <row r="133" spans="2:6" s="4" customFormat="1" ht="29.25" customHeight="1" x14ac:dyDescent="0.25">
      <c r="B133" s="101" t="s">
        <v>205</v>
      </c>
      <c r="C133" s="77" t="s">
        <v>88</v>
      </c>
      <c r="D133" s="62"/>
      <c r="E133" s="185"/>
      <c r="F133" s="186"/>
    </row>
    <row r="134" spans="2:6" s="4" customFormat="1" ht="29.25" customHeight="1" x14ac:dyDescent="0.25">
      <c r="B134" s="101" t="s">
        <v>206</v>
      </c>
      <c r="C134" s="77" t="s">
        <v>89</v>
      </c>
      <c r="D134" s="62"/>
      <c r="E134" s="185"/>
      <c r="F134" s="186"/>
    </row>
    <row r="135" spans="2:6" s="4" customFormat="1" ht="29.25" customHeight="1" x14ac:dyDescent="0.25">
      <c r="B135" s="101" t="s">
        <v>207</v>
      </c>
      <c r="C135" s="77" t="s">
        <v>90</v>
      </c>
      <c r="D135" s="62"/>
      <c r="E135" s="185"/>
      <c r="F135" s="186"/>
    </row>
    <row r="136" spans="2:6" s="4" customFormat="1" ht="29.25" customHeight="1" x14ac:dyDescent="0.25">
      <c r="B136" s="101" t="s">
        <v>208</v>
      </c>
      <c r="C136" s="77" t="s">
        <v>91</v>
      </c>
      <c r="D136" s="62"/>
      <c r="E136" s="185"/>
      <c r="F136" s="186"/>
    </row>
    <row r="137" spans="2:6" s="4" customFormat="1" ht="29.25" customHeight="1" x14ac:dyDescent="0.25">
      <c r="B137" s="101" t="s">
        <v>209</v>
      </c>
      <c r="C137" s="77" t="s">
        <v>92</v>
      </c>
      <c r="D137" s="62"/>
      <c r="E137" s="185"/>
      <c r="F137" s="186"/>
    </row>
    <row r="138" spans="2:6" s="4" customFormat="1" ht="29.25" customHeight="1" x14ac:dyDescent="0.25">
      <c r="B138" s="101" t="s">
        <v>210</v>
      </c>
      <c r="C138" s="77" t="s">
        <v>93</v>
      </c>
      <c r="D138" s="62"/>
      <c r="E138" s="185"/>
      <c r="F138" s="186"/>
    </row>
    <row r="139" spans="2:6" s="4" customFormat="1" ht="29.25" customHeight="1" x14ac:dyDescent="0.25">
      <c r="B139" s="101" t="s">
        <v>211</v>
      </c>
      <c r="C139" s="77" t="s">
        <v>94</v>
      </c>
      <c r="D139" s="62"/>
      <c r="E139" s="185"/>
      <c r="F139" s="186"/>
    </row>
    <row r="140" spans="2:6" s="4" customFormat="1" ht="29.25" customHeight="1" x14ac:dyDescent="0.25">
      <c r="B140" s="100" t="s">
        <v>199</v>
      </c>
      <c r="C140" s="99" t="s">
        <v>106</v>
      </c>
      <c r="D140" s="62"/>
      <c r="E140" s="185"/>
      <c r="F140" s="186"/>
    </row>
    <row r="141" spans="2:6" s="4" customFormat="1" ht="29.25" customHeight="1" x14ac:dyDescent="0.25">
      <c r="B141" s="101" t="s">
        <v>212</v>
      </c>
      <c r="C141" s="77" t="s">
        <v>198</v>
      </c>
      <c r="D141" s="62"/>
      <c r="E141" s="185"/>
      <c r="F141" s="186"/>
    </row>
    <row r="142" spans="2:6" s="4" customFormat="1" ht="29.25" customHeight="1" x14ac:dyDescent="0.25">
      <c r="B142" s="101" t="s">
        <v>213</v>
      </c>
      <c r="C142" s="77" t="s">
        <v>107</v>
      </c>
      <c r="D142" s="62"/>
      <c r="E142" s="185"/>
      <c r="F142" s="186"/>
    </row>
    <row r="143" spans="2:6" s="4" customFormat="1" ht="29.25" customHeight="1" x14ac:dyDescent="0.25">
      <c r="B143" s="101" t="s">
        <v>214</v>
      </c>
      <c r="C143" s="77" t="s">
        <v>108</v>
      </c>
      <c r="D143" s="62"/>
      <c r="E143" s="185"/>
      <c r="F143" s="186"/>
    </row>
    <row r="144" spans="2:6" s="4" customFormat="1" ht="29.25" customHeight="1" x14ac:dyDescent="0.25">
      <c r="B144" s="101" t="s">
        <v>215</v>
      </c>
      <c r="C144" s="77" t="s">
        <v>109</v>
      </c>
      <c r="D144" s="62"/>
      <c r="E144" s="185"/>
      <c r="F144" s="186"/>
    </row>
    <row r="145" spans="2:6" s="4" customFormat="1" ht="29.25" customHeight="1" x14ac:dyDescent="0.25">
      <c r="B145" s="101" t="s">
        <v>216</v>
      </c>
      <c r="C145" s="77" t="s">
        <v>110</v>
      </c>
      <c r="D145" s="62"/>
      <c r="E145" s="185"/>
      <c r="F145" s="186"/>
    </row>
    <row r="146" spans="2:6" s="4" customFormat="1" ht="29.25" customHeight="1" x14ac:dyDescent="0.25">
      <c r="B146" s="101" t="s">
        <v>217</v>
      </c>
      <c r="C146" s="77" t="s">
        <v>111</v>
      </c>
      <c r="D146" s="62"/>
      <c r="E146" s="185"/>
      <c r="F146" s="186"/>
    </row>
    <row r="147" spans="2:6" s="4" customFormat="1" ht="29.25" customHeight="1" x14ac:dyDescent="0.25">
      <c r="B147" s="101" t="s">
        <v>218</v>
      </c>
      <c r="C147" s="77" t="s">
        <v>112</v>
      </c>
      <c r="D147" s="62"/>
      <c r="E147" s="185"/>
      <c r="F147" s="186"/>
    </row>
    <row r="148" spans="2:6" s="4" customFormat="1" ht="29.25" customHeight="1" x14ac:dyDescent="0.25">
      <c r="B148" s="101" t="s">
        <v>219</v>
      </c>
      <c r="C148" s="77" t="s">
        <v>113</v>
      </c>
      <c r="D148" s="62"/>
      <c r="E148" s="185"/>
      <c r="F148" s="186"/>
    </row>
    <row r="149" spans="2:6" s="4" customFormat="1" ht="29.25" customHeight="1" x14ac:dyDescent="0.25">
      <c r="B149" s="101" t="s">
        <v>220</v>
      </c>
      <c r="C149" s="77" t="s">
        <v>114</v>
      </c>
      <c r="D149" s="62"/>
      <c r="E149" s="185"/>
      <c r="F149" s="186"/>
    </row>
    <row r="150" spans="2:6" s="4" customFormat="1" ht="29.25" customHeight="1" x14ac:dyDescent="0.25">
      <c r="B150" s="101" t="s">
        <v>221</v>
      </c>
      <c r="C150" s="77" t="s">
        <v>115</v>
      </c>
      <c r="D150" s="62"/>
      <c r="E150" s="185"/>
      <c r="F150" s="186"/>
    </row>
    <row r="151" spans="2:6" s="4" customFormat="1" ht="29.25" customHeight="1" x14ac:dyDescent="0.25">
      <c r="B151" s="101" t="s">
        <v>222</v>
      </c>
      <c r="C151" s="77" t="s">
        <v>428</v>
      </c>
      <c r="D151" s="62"/>
      <c r="E151" s="185"/>
      <c r="F151" s="186"/>
    </row>
    <row r="152" spans="2:6" s="4" customFormat="1" ht="29.25" customHeight="1" x14ac:dyDescent="0.25">
      <c r="B152" s="101" t="s">
        <v>223</v>
      </c>
      <c r="C152" s="77" t="s">
        <v>116</v>
      </c>
      <c r="D152" s="62"/>
      <c r="E152" s="185"/>
      <c r="F152" s="186"/>
    </row>
    <row r="153" spans="2:6" s="4" customFormat="1" ht="29.25" customHeight="1" x14ac:dyDescent="0.25">
      <c r="B153" s="100" t="s">
        <v>201</v>
      </c>
      <c r="C153" s="99" t="s">
        <v>131</v>
      </c>
      <c r="D153" s="62"/>
      <c r="E153" s="185"/>
      <c r="F153" s="186"/>
    </row>
    <row r="154" spans="2:6" s="4" customFormat="1" ht="29.25" customHeight="1" x14ac:dyDescent="0.25">
      <c r="B154" s="101" t="s">
        <v>224</v>
      </c>
      <c r="C154" s="77" t="s">
        <v>132</v>
      </c>
      <c r="D154" s="62"/>
      <c r="E154" s="185"/>
      <c r="F154" s="186"/>
    </row>
    <row r="155" spans="2:6" s="4" customFormat="1" ht="29.25" customHeight="1" x14ac:dyDescent="0.25">
      <c r="B155" s="101" t="s">
        <v>225</v>
      </c>
      <c r="C155" s="77" t="s">
        <v>133</v>
      </c>
      <c r="D155" s="62"/>
      <c r="E155" s="185"/>
      <c r="F155" s="186"/>
    </row>
    <row r="156" spans="2:6" s="4" customFormat="1" ht="29.25" customHeight="1" x14ac:dyDescent="0.25">
      <c r="B156" s="101" t="s">
        <v>226</v>
      </c>
      <c r="C156" s="77" t="s">
        <v>170</v>
      </c>
      <c r="D156" s="62"/>
      <c r="E156" s="185"/>
      <c r="F156" s="186"/>
    </row>
    <row r="157" spans="2:6" s="4" customFormat="1" ht="29.25" customHeight="1" x14ac:dyDescent="0.25">
      <c r="B157" s="101" t="s">
        <v>227</v>
      </c>
      <c r="C157" s="77" t="s">
        <v>135</v>
      </c>
      <c r="D157" s="62"/>
      <c r="E157" s="185"/>
      <c r="F157" s="186"/>
    </row>
    <row r="158" spans="2:6" s="4" customFormat="1" ht="29.25" customHeight="1" x14ac:dyDescent="0.25">
      <c r="B158" s="101" t="s">
        <v>228</v>
      </c>
      <c r="C158" s="77" t="s">
        <v>136</v>
      </c>
      <c r="D158" s="62"/>
      <c r="E158" s="185"/>
      <c r="F158" s="186"/>
    </row>
    <row r="159" spans="2:6" s="4" customFormat="1" ht="29.25" customHeight="1" x14ac:dyDescent="0.25">
      <c r="B159" s="101" t="s">
        <v>229</v>
      </c>
      <c r="C159" s="77" t="s">
        <v>137</v>
      </c>
      <c r="D159" s="62"/>
      <c r="E159" s="185"/>
      <c r="F159" s="186"/>
    </row>
    <row r="160" spans="2:6" s="4" customFormat="1" ht="29.25" customHeight="1" x14ac:dyDescent="0.25">
      <c r="B160" s="101" t="s">
        <v>230</v>
      </c>
      <c r="C160" s="77" t="s">
        <v>138</v>
      </c>
      <c r="D160" s="62"/>
      <c r="E160" s="185"/>
      <c r="F160" s="186"/>
    </row>
    <row r="161" spans="2:6" s="4" customFormat="1" ht="29.25" customHeight="1" x14ac:dyDescent="0.25">
      <c r="B161" s="101" t="s">
        <v>231</v>
      </c>
      <c r="C161" s="77" t="s">
        <v>139</v>
      </c>
      <c r="D161" s="62"/>
      <c r="E161" s="185"/>
      <c r="F161" s="186"/>
    </row>
    <row r="162" spans="2:6" s="4" customFormat="1" ht="29.25" customHeight="1" x14ac:dyDescent="0.25">
      <c r="B162" s="101" t="s">
        <v>232</v>
      </c>
      <c r="C162" s="77" t="s">
        <v>140</v>
      </c>
      <c r="D162" s="62"/>
      <c r="E162" s="185"/>
      <c r="F162" s="186"/>
    </row>
    <row r="163" spans="2:6" s="4" customFormat="1" ht="29.25" customHeight="1" x14ac:dyDescent="0.25">
      <c r="B163" s="101" t="s">
        <v>233</v>
      </c>
      <c r="C163" s="77" t="s">
        <v>141</v>
      </c>
      <c r="D163" s="62"/>
      <c r="E163" s="185"/>
      <c r="F163" s="186"/>
    </row>
    <row r="164" spans="2:6" s="4" customFormat="1" ht="29.25" customHeight="1" thickBot="1" x14ac:dyDescent="0.3">
      <c r="B164" s="101" t="s">
        <v>234</v>
      </c>
      <c r="C164" s="77" t="s">
        <v>142</v>
      </c>
      <c r="D164" s="62"/>
      <c r="E164" s="185"/>
      <c r="F164" s="186"/>
    </row>
    <row r="165" spans="2:6" s="4" customFormat="1" ht="29.25" customHeight="1" x14ac:dyDescent="0.25">
      <c r="B165" s="137" t="s">
        <v>437</v>
      </c>
      <c r="C165" s="138"/>
      <c r="D165" s="138"/>
      <c r="E165" s="138"/>
      <c r="F165" s="139"/>
    </row>
    <row r="166" spans="2:6" s="4" customFormat="1" ht="29.25" customHeight="1" x14ac:dyDescent="0.25">
      <c r="B166" s="118" t="s">
        <v>244</v>
      </c>
      <c r="C166" s="63" t="s">
        <v>432</v>
      </c>
      <c r="D166" s="115"/>
      <c r="E166" s="116"/>
      <c r="F166" s="117"/>
    </row>
    <row r="167" spans="2:6" s="4" customFormat="1" ht="29.25" customHeight="1" x14ac:dyDescent="0.25">
      <c r="B167" s="118" t="s">
        <v>405</v>
      </c>
      <c r="C167" s="63" t="s">
        <v>433</v>
      </c>
      <c r="D167" s="115"/>
      <c r="E167" s="116"/>
      <c r="F167" s="117"/>
    </row>
    <row r="168" spans="2:6" s="4" customFormat="1" ht="29.25" customHeight="1" x14ac:dyDescent="0.25">
      <c r="B168" s="118" t="s">
        <v>406</v>
      </c>
      <c r="C168" s="63" t="s">
        <v>434</v>
      </c>
      <c r="D168" s="115"/>
      <c r="E168" s="116"/>
      <c r="F168" s="117"/>
    </row>
    <row r="169" spans="2:6" s="4" customFormat="1" ht="29.25" customHeight="1" x14ac:dyDescent="0.25">
      <c r="B169" s="118" t="s">
        <v>407</v>
      </c>
      <c r="C169" s="63" t="s">
        <v>435</v>
      </c>
      <c r="D169" s="115"/>
      <c r="E169" s="116"/>
      <c r="F169" s="117"/>
    </row>
    <row r="170" spans="2:6" s="4" customFormat="1" ht="29.25" customHeight="1" x14ac:dyDescent="0.25">
      <c r="B170" s="118" t="s">
        <v>408</v>
      </c>
      <c r="C170" s="63" t="s">
        <v>436</v>
      </c>
      <c r="D170" s="115"/>
      <c r="E170" s="116"/>
      <c r="F170" s="117"/>
    </row>
    <row r="171" spans="2:6" s="4" customFormat="1" ht="29.25" customHeight="1" thickBot="1" x14ac:dyDescent="0.3">
      <c r="B171" s="118" t="s">
        <v>409</v>
      </c>
      <c r="C171" s="63" t="s">
        <v>243</v>
      </c>
      <c r="D171" s="115"/>
      <c r="E171" s="116"/>
      <c r="F171" s="117"/>
    </row>
    <row r="172" spans="2:6" s="4" customFormat="1" ht="29.25" customHeight="1" x14ac:dyDescent="0.25">
      <c r="B172" s="137" t="s">
        <v>438</v>
      </c>
      <c r="C172" s="138"/>
      <c r="D172" s="138"/>
      <c r="E172" s="138"/>
      <c r="F172" s="139"/>
    </row>
    <row r="173" spans="2:6" s="4" customFormat="1" ht="29.25" customHeight="1" x14ac:dyDescent="0.25">
      <c r="B173" s="60" t="s">
        <v>440</v>
      </c>
      <c r="C173" s="77" t="s">
        <v>245</v>
      </c>
      <c r="D173" s="62"/>
      <c r="E173" s="185" t="s">
        <v>450</v>
      </c>
      <c r="F173" s="186"/>
    </row>
    <row r="174" spans="2:6" s="4" customFormat="1" ht="29.25" customHeight="1" x14ac:dyDescent="0.25">
      <c r="B174" s="101" t="s">
        <v>441</v>
      </c>
      <c r="C174" s="77" t="s">
        <v>235</v>
      </c>
      <c r="D174" s="62"/>
      <c r="E174" s="185"/>
      <c r="F174" s="186"/>
    </row>
    <row r="175" spans="2:6" s="4" customFormat="1" ht="29.25" customHeight="1" x14ac:dyDescent="0.25">
      <c r="B175" s="101" t="s">
        <v>442</v>
      </c>
      <c r="C175" s="77" t="s">
        <v>236</v>
      </c>
      <c r="D175" s="62"/>
      <c r="E175" s="185"/>
      <c r="F175" s="186"/>
    </row>
    <row r="176" spans="2:6" s="4" customFormat="1" ht="29.25" customHeight="1" x14ac:dyDescent="0.25">
      <c r="B176" s="101" t="s">
        <v>443</v>
      </c>
      <c r="C176" s="77" t="s">
        <v>237</v>
      </c>
      <c r="D176" s="62"/>
      <c r="E176" s="185"/>
      <c r="F176" s="186"/>
    </row>
    <row r="177" spans="2:6" s="4" customFormat="1" ht="29.25" customHeight="1" x14ac:dyDescent="0.25">
      <c r="B177" s="101" t="s">
        <v>444</v>
      </c>
      <c r="C177" s="77" t="s">
        <v>238</v>
      </c>
      <c r="D177" s="62"/>
      <c r="E177" s="185"/>
      <c r="F177" s="186"/>
    </row>
    <row r="178" spans="2:6" s="4" customFormat="1" ht="29.25" customHeight="1" x14ac:dyDescent="0.25">
      <c r="B178" s="101" t="s">
        <v>445</v>
      </c>
      <c r="C178" s="77" t="s">
        <v>239</v>
      </c>
      <c r="D178" s="62"/>
      <c r="E178" s="185"/>
      <c r="F178" s="186"/>
    </row>
    <row r="179" spans="2:6" s="4" customFormat="1" ht="29.25" customHeight="1" x14ac:dyDescent="0.25">
      <c r="B179" s="101" t="s">
        <v>446</v>
      </c>
      <c r="C179" s="77" t="s">
        <v>240</v>
      </c>
      <c r="D179" s="62"/>
      <c r="E179" s="185"/>
      <c r="F179" s="186"/>
    </row>
    <row r="180" spans="2:6" s="4" customFormat="1" ht="29.25" customHeight="1" x14ac:dyDescent="0.25">
      <c r="B180" s="101" t="s">
        <v>447</v>
      </c>
      <c r="C180" s="77" t="s">
        <v>241</v>
      </c>
      <c r="D180" s="62"/>
      <c r="E180" s="185"/>
      <c r="F180" s="186"/>
    </row>
    <row r="181" spans="2:6" s="4" customFormat="1" ht="29.25" customHeight="1" x14ac:dyDescent="0.25">
      <c r="B181" s="101" t="s">
        <v>448</v>
      </c>
      <c r="C181" s="77" t="s">
        <v>242</v>
      </c>
      <c r="D181" s="62"/>
      <c r="E181" s="185"/>
      <c r="F181" s="186"/>
    </row>
    <row r="182" spans="2:6" s="4" customFormat="1" ht="29.25" customHeight="1" thickBot="1" x14ac:dyDescent="0.3">
      <c r="B182" s="101" t="s">
        <v>449</v>
      </c>
      <c r="C182" s="77" t="s">
        <v>243</v>
      </c>
      <c r="D182" s="62"/>
      <c r="E182" s="185"/>
      <c r="F182" s="186"/>
    </row>
    <row r="183" spans="2:6" s="4" customFormat="1" ht="29.25" customHeight="1" x14ac:dyDescent="0.25">
      <c r="B183" s="137" t="s">
        <v>246</v>
      </c>
      <c r="C183" s="138"/>
      <c r="D183" s="138"/>
      <c r="E183" s="138"/>
      <c r="F183" s="139"/>
    </row>
    <row r="184" spans="2:6" s="4" customFormat="1" ht="29.25" customHeight="1" x14ac:dyDescent="0.25">
      <c r="B184" s="60" t="s">
        <v>247</v>
      </c>
      <c r="C184" s="77" t="s">
        <v>245</v>
      </c>
      <c r="D184" s="62"/>
      <c r="E184" s="185" t="s">
        <v>450</v>
      </c>
      <c r="F184" s="186"/>
    </row>
    <row r="185" spans="2:6" s="4" customFormat="1" ht="29.25" customHeight="1" x14ac:dyDescent="0.25">
      <c r="B185" s="101" t="s">
        <v>248</v>
      </c>
      <c r="C185" s="77" t="s">
        <v>235</v>
      </c>
      <c r="D185" s="62"/>
      <c r="E185" s="185"/>
      <c r="F185" s="186"/>
    </row>
    <row r="186" spans="2:6" s="4" customFormat="1" ht="29.25" customHeight="1" x14ac:dyDescent="0.25">
      <c r="B186" s="101" t="s">
        <v>249</v>
      </c>
      <c r="C186" s="77" t="s">
        <v>132</v>
      </c>
      <c r="D186" s="62"/>
      <c r="E186" s="185"/>
      <c r="F186" s="186"/>
    </row>
    <row r="187" spans="2:6" s="4" customFormat="1" ht="29.25" customHeight="1" x14ac:dyDescent="0.25">
      <c r="B187" s="101" t="s">
        <v>250</v>
      </c>
      <c r="C187" s="77" t="s">
        <v>133</v>
      </c>
      <c r="D187" s="62"/>
      <c r="E187" s="185"/>
      <c r="F187" s="186"/>
    </row>
    <row r="188" spans="2:6" s="4" customFormat="1" ht="29.25" customHeight="1" x14ac:dyDescent="0.25">
      <c r="B188" s="101" t="s">
        <v>251</v>
      </c>
      <c r="C188" s="77" t="s">
        <v>170</v>
      </c>
      <c r="D188" s="62"/>
      <c r="E188" s="185"/>
      <c r="F188" s="186"/>
    </row>
    <row r="189" spans="2:6" s="4" customFormat="1" ht="29.25" customHeight="1" x14ac:dyDescent="0.25">
      <c r="B189" s="101" t="s">
        <v>252</v>
      </c>
      <c r="C189" s="77" t="s">
        <v>135</v>
      </c>
      <c r="D189" s="62"/>
      <c r="E189" s="185"/>
      <c r="F189" s="186"/>
    </row>
    <row r="190" spans="2:6" s="4" customFormat="1" ht="29.25" customHeight="1" x14ac:dyDescent="0.25">
      <c r="B190" s="101" t="s">
        <v>253</v>
      </c>
      <c r="C190" s="77" t="s">
        <v>136</v>
      </c>
      <c r="D190" s="62"/>
      <c r="E190" s="185"/>
      <c r="F190" s="186"/>
    </row>
    <row r="191" spans="2:6" s="4" customFormat="1" ht="29.25" customHeight="1" x14ac:dyDescent="0.25">
      <c r="B191" s="101" t="s">
        <v>254</v>
      </c>
      <c r="C191" s="77" t="s">
        <v>137</v>
      </c>
      <c r="D191" s="62"/>
      <c r="E191" s="185"/>
      <c r="F191" s="186"/>
    </row>
    <row r="192" spans="2:6" s="4" customFormat="1" ht="29.25" customHeight="1" x14ac:dyDescent="0.25">
      <c r="B192" s="101" t="s">
        <v>255</v>
      </c>
      <c r="C192" s="77" t="s">
        <v>138</v>
      </c>
      <c r="D192" s="62"/>
      <c r="E192" s="185"/>
      <c r="F192" s="186"/>
    </row>
    <row r="193" spans="2:6" s="4" customFormat="1" ht="29.25" customHeight="1" x14ac:dyDescent="0.25">
      <c r="B193" s="101" t="s">
        <v>256</v>
      </c>
      <c r="C193" s="77" t="s">
        <v>139</v>
      </c>
      <c r="D193" s="62"/>
      <c r="E193" s="185"/>
      <c r="F193" s="186"/>
    </row>
    <row r="194" spans="2:6" s="4" customFormat="1" ht="29.25" customHeight="1" x14ac:dyDescent="0.25">
      <c r="B194" s="101" t="s">
        <v>257</v>
      </c>
      <c r="C194" s="77" t="s">
        <v>140</v>
      </c>
      <c r="D194" s="62"/>
      <c r="E194" s="185"/>
      <c r="F194" s="186"/>
    </row>
    <row r="195" spans="2:6" s="4" customFormat="1" ht="29.25" customHeight="1" x14ac:dyDescent="0.25">
      <c r="B195" s="101" t="s">
        <v>258</v>
      </c>
      <c r="C195" s="77" t="s">
        <v>141</v>
      </c>
      <c r="D195" s="62"/>
      <c r="E195" s="185"/>
      <c r="F195" s="186"/>
    </row>
    <row r="196" spans="2:6" s="4" customFormat="1" ht="29.25" customHeight="1" thickBot="1" x14ac:dyDescent="0.3">
      <c r="B196" s="101" t="s">
        <v>259</v>
      </c>
      <c r="C196" s="77" t="s">
        <v>142</v>
      </c>
      <c r="D196" s="62"/>
      <c r="E196" s="185"/>
      <c r="F196" s="186"/>
    </row>
    <row r="197" spans="2:6" s="4" customFormat="1" ht="29.25" customHeight="1" x14ac:dyDescent="0.25">
      <c r="B197" s="137" t="s">
        <v>260</v>
      </c>
      <c r="C197" s="138"/>
      <c r="D197" s="138"/>
      <c r="E197" s="138"/>
      <c r="F197" s="139"/>
    </row>
    <row r="198" spans="2:6" s="4" customFormat="1" ht="29.25" customHeight="1" x14ac:dyDescent="0.25">
      <c r="B198" s="60" t="s">
        <v>263</v>
      </c>
      <c r="C198" s="77" t="s">
        <v>245</v>
      </c>
      <c r="D198" s="62"/>
      <c r="E198" s="185" t="s">
        <v>450</v>
      </c>
      <c r="F198" s="186"/>
    </row>
    <row r="199" spans="2:6" s="4" customFormat="1" ht="29.25" customHeight="1" x14ac:dyDescent="0.25">
      <c r="B199" s="101" t="s">
        <v>264</v>
      </c>
      <c r="C199" s="77" t="s">
        <v>261</v>
      </c>
      <c r="D199" s="62"/>
      <c r="E199" s="185"/>
      <c r="F199" s="186"/>
    </row>
    <row r="200" spans="2:6" s="4" customFormat="1" ht="46.5" customHeight="1" x14ac:dyDescent="0.25">
      <c r="B200" s="101" t="s">
        <v>265</v>
      </c>
      <c r="C200" s="77" t="s">
        <v>353</v>
      </c>
      <c r="D200" s="62"/>
      <c r="E200" s="185"/>
      <c r="F200" s="186"/>
    </row>
    <row r="201" spans="2:6" s="4" customFormat="1" ht="29.25" customHeight="1" thickBot="1" x14ac:dyDescent="0.3">
      <c r="B201" s="101" t="s">
        <v>266</v>
      </c>
      <c r="C201" s="77" t="s">
        <v>262</v>
      </c>
      <c r="D201" s="62"/>
      <c r="E201" s="185"/>
      <c r="F201" s="186"/>
    </row>
    <row r="202" spans="2:6" s="4" customFormat="1" ht="29.25" customHeight="1" x14ac:dyDescent="0.25">
      <c r="B202" s="137" t="s">
        <v>267</v>
      </c>
      <c r="C202" s="138"/>
      <c r="D202" s="138"/>
      <c r="E202" s="138"/>
      <c r="F202" s="139"/>
    </row>
    <row r="203" spans="2:6" s="4" customFormat="1" ht="29.25" customHeight="1" x14ac:dyDescent="0.25">
      <c r="B203" s="60" t="s">
        <v>277</v>
      </c>
      <c r="C203" s="77" t="s">
        <v>276</v>
      </c>
      <c r="D203" s="62"/>
      <c r="E203" s="185" t="s">
        <v>450</v>
      </c>
      <c r="F203" s="186"/>
    </row>
    <row r="204" spans="2:6" s="4" customFormat="1" ht="57" customHeight="1" x14ac:dyDescent="0.25">
      <c r="B204" s="101" t="s">
        <v>278</v>
      </c>
      <c r="C204" s="77" t="s">
        <v>279</v>
      </c>
      <c r="D204" s="62"/>
      <c r="E204" s="185"/>
      <c r="F204" s="186"/>
    </row>
    <row r="205" spans="2:6" s="4" customFormat="1" ht="29.25" customHeight="1" x14ac:dyDescent="0.25">
      <c r="B205" s="101" t="s">
        <v>280</v>
      </c>
      <c r="C205" s="77" t="s">
        <v>268</v>
      </c>
      <c r="D205" s="62"/>
      <c r="E205" s="185"/>
      <c r="F205" s="186"/>
    </row>
    <row r="206" spans="2:6" s="4" customFormat="1" ht="29.25" customHeight="1" x14ac:dyDescent="0.25">
      <c r="B206" s="101" t="s">
        <v>281</v>
      </c>
      <c r="C206" s="77" t="s">
        <v>269</v>
      </c>
      <c r="D206" s="62"/>
      <c r="E206" s="185"/>
      <c r="F206" s="186"/>
    </row>
    <row r="207" spans="2:6" s="4" customFormat="1" ht="29.25" customHeight="1" x14ac:dyDescent="0.25">
      <c r="B207" s="101" t="s">
        <v>282</v>
      </c>
      <c r="C207" s="77" t="s">
        <v>270</v>
      </c>
      <c r="D207" s="62"/>
      <c r="E207" s="185"/>
      <c r="F207" s="186"/>
    </row>
    <row r="208" spans="2:6" s="4" customFormat="1" ht="29.25" customHeight="1" x14ac:dyDescent="0.25">
      <c r="B208" s="101" t="s">
        <v>283</v>
      </c>
      <c r="C208" s="77" t="s">
        <v>271</v>
      </c>
      <c r="D208" s="62"/>
      <c r="E208" s="185"/>
      <c r="F208" s="186"/>
    </row>
    <row r="209" spans="2:6" s="4" customFormat="1" ht="29.25" customHeight="1" x14ac:dyDescent="0.25">
      <c r="B209" s="101" t="s">
        <v>284</v>
      </c>
      <c r="C209" s="77" t="s">
        <v>272</v>
      </c>
      <c r="D209" s="62"/>
      <c r="E209" s="185"/>
      <c r="F209" s="186"/>
    </row>
    <row r="210" spans="2:6" s="4" customFormat="1" ht="45" customHeight="1" x14ac:dyDescent="0.25">
      <c r="B210" s="101" t="s">
        <v>285</v>
      </c>
      <c r="C210" s="77" t="s">
        <v>273</v>
      </c>
      <c r="D210" s="62"/>
      <c r="E210" s="185"/>
      <c r="F210" s="186"/>
    </row>
    <row r="211" spans="2:6" s="4" customFormat="1" ht="29.25" customHeight="1" x14ac:dyDescent="0.25">
      <c r="B211" s="101" t="s">
        <v>286</v>
      </c>
      <c r="C211" s="77" t="s">
        <v>274</v>
      </c>
      <c r="D211" s="62"/>
      <c r="E211" s="185"/>
      <c r="F211" s="186"/>
    </row>
    <row r="212" spans="2:6" s="4" customFormat="1" ht="29.25" customHeight="1" x14ac:dyDescent="0.25">
      <c r="B212" s="101" t="s">
        <v>287</v>
      </c>
      <c r="C212" s="77" t="s">
        <v>275</v>
      </c>
      <c r="D212" s="62"/>
      <c r="E212" s="185"/>
      <c r="F212" s="186"/>
    </row>
    <row r="213" spans="2:6" s="4" customFormat="1" ht="29.25" customHeight="1" x14ac:dyDescent="0.25">
      <c r="B213" s="101" t="s">
        <v>288</v>
      </c>
      <c r="C213" s="77" t="s">
        <v>289</v>
      </c>
      <c r="D213" s="62"/>
      <c r="E213" s="185"/>
      <c r="F213" s="186"/>
    </row>
    <row r="214" spans="2:6" s="4" customFormat="1" ht="29.25" customHeight="1" x14ac:dyDescent="0.25">
      <c r="B214" s="120" t="s">
        <v>303</v>
      </c>
      <c r="C214" s="99" t="s">
        <v>290</v>
      </c>
      <c r="D214" s="62"/>
      <c r="E214" s="185"/>
      <c r="F214" s="186"/>
    </row>
    <row r="215" spans="2:6" s="4" customFormat="1" ht="29.25" customHeight="1" x14ac:dyDescent="0.25">
      <c r="B215" s="101" t="s">
        <v>304</v>
      </c>
      <c r="C215" s="77" t="s">
        <v>291</v>
      </c>
      <c r="D215" s="62"/>
      <c r="E215" s="185"/>
      <c r="F215" s="186"/>
    </row>
    <row r="216" spans="2:6" s="4" customFormat="1" ht="29.25" customHeight="1" x14ac:dyDescent="0.25">
      <c r="B216" s="101" t="s">
        <v>305</v>
      </c>
      <c r="C216" s="77" t="s">
        <v>292</v>
      </c>
      <c r="D216" s="62"/>
      <c r="E216" s="185"/>
      <c r="F216" s="186"/>
    </row>
    <row r="217" spans="2:6" s="4" customFormat="1" ht="29.25" customHeight="1" x14ac:dyDescent="0.25">
      <c r="B217" s="101" t="s">
        <v>306</v>
      </c>
      <c r="C217" s="77" t="s">
        <v>354</v>
      </c>
      <c r="D217" s="62"/>
      <c r="E217" s="185"/>
      <c r="F217" s="186"/>
    </row>
    <row r="218" spans="2:6" s="4" customFormat="1" ht="29.25" customHeight="1" x14ac:dyDescent="0.25">
      <c r="B218" s="120" t="s">
        <v>307</v>
      </c>
      <c r="C218" s="99" t="s">
        <v>293</v>
      </c>
      <c r="D218" s="62"/>
      <c r="E218" s="185"/>
      <c r="F218" s="186"/>
    </row>
    <row r="219" spans="2:6" s="4" customFormat="1" ht="29.25" customHeight="1" x14ac:dyDescent="0.25">
      <c r="B219" s="101" t="s">
        <v>308</v>
      </c>
      <c r="C219" s="77" t="s">
        <v>294</v>
      </c>
      <c r="D219" s="62"/>
      <c r="E219" s="185"/>
      <c r="F219" s="186"/>
    </row>
    <row r="220" spans="2:6" s="4" customFormat="1" ht="29.25" customHeight="1" x14ac:dyDescent="0.25">
      <c r="B220" s="101" t="s">
        <v>309</v>
      </c>
      <c r="C220" s="77" t="s">
        <v>295</v>
      </c>
      <c r="D220" s="62"/>
      <c r="E220" s="185"/>
      <c r="F220" s="186"/>
    </row>
    <row r="221" spans="2:6" s="4" customFormat="1" ht="29.25" customHeight="1" x14ac:dyDescent="0.25">
      <c r="B221" s="101" t="s">
        <v>310</v>
      </c>
      <c r="C221" s="77" t="s">
        <v>296</v>
      </c>
      <c r="D221" s="62"/>
      <c r="E221" s="185"/>
      <c r="F221" s="186"/>
    </row>
    <row r="222" spans="2:6" s="4" customFormat="1" ht="29.25" customHeight="1" x14ac:dyDescent="0.25">
      <c r="B222" s="101" t="s">
        <v>311</v>
      </c>
      <c r="C222" s="77" t="s">
        <v>297</v>
      </c>
      <c r="D222" s="62"/>
      <c r="E222" s="185"/>
      <c r="F222" s="186"/>
    </row>
    <row r="223" spans="2:6" s="4" customFormat="1" ht="29.25" customHeight="1" x14ac:dyDescent="0.25">
      <c r="B223" s="101" t="s">
        <v>312</v>
      </c>
      <c r="C223" s="77" t="s">
        <v>298</v>
      </c>
      <c r="D223" s="62"/>
      <c r="E223" s="185"/>
      <c r="F223" s="186"/>
    </row>
    <row r="224" spans="2:6" s="4" customFormat="1" ht="29.25" customHeight="1" x14ac:dyDescent="0.25">
      <c r="B224" s="101" t="s">
        <v>313</v>
      </c>
      <c r="C224" s="77" t="s">
        <v>355</v>
      </c>
      <c r="D224" s="62"/>
      <c r="E224" s="185"/>
      <c r="F224" s="186"/>
    </row>
    <row r="225" spans="2:6" s="4" customFormat="1" ht="29.25" customHeight="1" x14ac:dyDescent="0.25">
      <c r="B225" s="120" t="s">
        <v>314</v>
      </c>
      <c r="C225" s="99" t="s">
        <v>299</v>
      </c>
      <c r="D225" s="62"/>
      <c r="E225" s="185"/>
      <c r="F225" s="186"/>
    </row>
    <row r="226" spans="2:6" s="4" customFormat="1" ht="29.25" customHeight="1" x14ac:dyDescent="0.25">
      <c r="B226" s="101" t="s">
        <v>315</v>
      </c>
      <c r="C226" s="77" t="s">
        <v>321</v>
      </c>
      <c r="D226" s="62"/>
      <c r="E226" s="185"/>
      <c r="F226" s="186"/>
    </row>
    <row r="227" spans="2:6" s="4" customFormat="1" ht="29.25" customHeight="1" x14ac:dyDescent="0.25">
      <c r="B227" s="101" t="s">
        <v>316</v>
      </c>
      <c r="C227" s="77" t="s">
        <v>322</v>
      </c>
      <c r="D227" s="62"/>
      <c r="E227" s="185"/>
      <c r="F227" s="186"/>
    </row>
    <row r="228" spans="2:6" s="4" customFormat="1" ht="29.25" customHeight="1" x14ac:dyDescent="0.25">
      <c r="B228" s="101" t="s">
        <v>317</v>
      </c>
      <c r="C228" s="77" t="s">
        <v>323</v>
      </c>
      <c r="D228" s="62"/>
      <c r="E228" s="185"/>
      <c r="F228" s="186"/>
    </row>
    <row r="229" spans="2:6" s="4" customFormat="1" ht="29.25" customHeight="1" x14ac:dyDescent="0.25">
      <c r="B229" s="101" t="s">
        <v>318</v>
      </c>
      <c r="C229" s="77" t="s">
        <v>324</v>
      </c>
      <c r="D229" s="62"/>
      <c r="E229" s="185"/>
      <c r="F229" s="186"/>
    </row>
    <row r="230" spans="2:6" s="4" customFormat="1" ht="29.25" customHeight="1" x14ac:dyDescent="0.25">
      <c r="B230" s="101" t="s">
        <v>319</v>
      </c>
      <c r="C230" s="77" t="s">
        <v>325</v>
      </c>
      <c r="D230" s="62"/>
      <c r="E230" s="185"/>
      <c r="F230" s="186"/>
    </row>
    <row r="231" spans="2:6" s="4" customFormat="1" ht="29.25" customHeight="1" x14ac:dyDescent="0.25">
      <c r="B231" s="120" t="s">
        <v>320</v>
      </c>
      <c r="C231" s="99" t="s">
        <v>300</v>
      </c>
      <c r="D231" s="62"/>
      <c r="E231" s="185"/>
      <c r="F231" s="186"/>
    </row>
    <row r="232" spans="2:6" s="4" customFormat="1" ht="29.25" customHeight="1" x14ac:dyDescent="0.25">
      <c r="B232" s="101" t="s">
        <v>338</v>
      </c>
      <c r="C232" s="77" t="s">
        <v>301</v>
      </c>
      <c r="D232" s="62"/>
      <c r="E232" s="185"/>
      <c r="F232" s="186"/>
    </row>
    <row r="233" spans="2:6" s="4" customFormat="1" ht="29.25" customHeight="1" x14ac:dyDescent="0.25">
      <c r="B233" s="101" t="s">
        <v>339</v>
      </c>
      <c r="C233" s="77" t="s">
        <v>302</v>
      </c>
      <c r="D233" s="62"/>
      <c r="E233" s="185"/>
      <c r="F233" s="186"/>
    </row>
    <row r="234" spans="2:6" s="4" customFormat="1" ht="29.25" customHeight="1" x14ac:dyDescent="0.25">
      <c r="B234" s="101" t="s">
        <v>340</v>
      </c>
      <c r="C234" s="77" t="s">
        <v>326</v>
      </c>
      <c r="D234" s="62"/>
      <c r="E234" s="185"/>
      <c r="F234" s="186"/>
    </row>
    <row r="235" spans="2:6" s="4" customFormat="1" ht="29.25" customHeight="1" x14ac:dyDescent="0.25">
      <c r="B235" s="101" t="s">
        <v>341</v>
      </c>
      <c r="C235" s="77" t="s">
        <v>327</v>
      </c>
      <c r="D235" s="62"/>
      <c r="E235" s="185"/>
      <c r="F235" s="186"/>
    </row>
    <row r="236" spans="2:6" s="4" customFormat="1" ht="29.25" customHeight="1" x14ac:dyDescent="0.25">
      <c r="B236" s="101" t="s">
        <v>342</v>
      </c>
      <c r="C236" s="77" t="s">
        <v>142</v>
      </c>
      <c r="D236" s="62"/>
      <c r="E236" s="185"/>
      <c r="F236" s="186"/>
    </row>
    <row r="237" spans="2:6" s="4" customFormat="1" ht="29.25" customHeight="1" x14ac:dyDescent="0.25">
      <c r="B237" s="120" t="s">
        <v>336</v>
      </c>
      <c r="C237" s="105" t="s">
        <v>337</v>
      </c>
      <c r="D237" s="62"/>
      <c r="E237" s="185" t="s">
        <v>450</v>
      </c>
      <c r="F237" s="186"/>
    </row>
    <row r="238" spans="2:6" s="4" customFormat="1" ht="29.25" customHeight="1" x14ac:dyDescent="0.25">
      <c r="B238" s="101" t="s">
        <v>343</v>
      </c>
      <c r="C238" s="82" t="s">
        <v>328</v>
      </c>
      <c r="D238" s="62"/>
      <c r="E238" s="185"/>
      <c r="F238" s="186"/>
    </row>
    <row r="239" spans="2:6" s="4" customFormat="1" ht="40.5" customHeight="1" x14ac:dyDescent="0.25">
      <c r="B239" s="101" t="s">
        <v>344</v>
      </c>
      <c r="C239" s="82" t="s">
        <v>329</v>
      </c>
      <c r="D239" s="62"/>
      <c r="E239" s="185"/>
      <c r="F239" s="186"/>
    </row>
    <row r="240" spans="2:6" s="4" customFormat="1" ht="29.25" customHeight="1" x14ac:dyDescent="0.25">
      <c r="B240" s="101" t="s">
        <v>345</v>
      </c>
      <c r="C240" s="82" t="s">
        <v>330</v>
      </c>
      <c r="D240" s="62"/>
      <c r="E240" s="185"/>
      <c r="F240" s="186"/>
    </row>
    <row r="241" spans="2:6" s="4" customFormat="1" ht="29.25" customHeight="1" x14ac:dyDescent="0.25">
      <c r="B241" s="101" t="s">
        <v>346</v>
      </c>
      <c r="C241" s="82" t="s">
        <v>331</v>
      </c>
      <c r="D241" s="62"/>
      <c r="E241" s="185"/>
      <c r="F241" s="186"/>
    </row>
    <row r="242" spans="2:6" s="4" customFormat="1" ht="54" customHeight="1" x14ac:dyDescent="0.25">
      <c r="B242" s="101" t="s">
        <v>347</v>
      </c>
      <c r="C242" s="82" t="s">
        <v>332</v>
      </c>
      <c r="D242" s="62"/>
      <c r="E242" s="185"/>
      <c r="F242" s="186"/>
    </row>
    <row r="243" spans="2:6" s="4" customFormat="1" ht="29.25" customHeight="1" x14ac:dyDescent="0.25">
      <c r="B243" s="101" t="s">
        <v>348</v>
      </c>
      <c r="C243" s="82" t="s">
        <v>333</v>
      </c>
      <c r="D243" s="62"/>
      <c r="E243" s="185"/>
      <c r="F243" s="186"/>
    </row>
    <row r="244" spans="2:6" s="4" customFormat="1" ht="29.25" customHeight="1" x14ac:dyDescent="0.25">
      <c r="B244" s="101" t="s">
        <v>349</v>
      </c>
      <c r="C244" s="102" t="s">
        <v>356</v>
      </c>
      <c r="D244" s="62"/>
      <c r="E244" s="185"/>
      <c r="F244" s="186"/>
    </row>
    <row r="245" spans="2:6" s="4" customFormat="1" ht="29.25" customHeight="1" x14ac:dyDescent="0.25">
      <c r="B245" s="101" t="s">
        <v>350</v>
      </c>
      <c r="C245" s="102" t="s">
        <v>357</v>
      </c>
      <c r="D245" s="62"/>
      <c r="E245" s="185"/>
      <c r="F245" s="186"/>
    </row>
    <row r="246" spans="2:6" s="4" customFormat="1" ht="54.75" customHeight="1" x14ac:dyDescent="0.25">
      <c r="B246" s="101" t="s">
        <v>351</v>
      </c>
      <c r="C246" s="82" t="s">
        <v>334</v>
      </c>
      <c r="D246" s="62"/>
      <c r="E246" s="185"/>
      <c r="F246" s="186"/>
    </row>
    <row r="247" spans="2:6" s="4" customFormat="1" ht="54.75" customHeight="1" thickBot="1" x14ac:dyDescent="0.3">
      <c r="B247" s="104" t="s">
        <v>352</v>
      </c>
      <c r="C247" s="103" t="s">
        <v>335</v>
      </c>
      <c r="D247" s="51"/>
      <c r="E247" s="133"/>
      <c r="F247" s="134"/>
    </row>
    <row r="248" spans="2:6" s="3" customFormat="1" ht="5.0999999999999996" customHeight="1" x14ac:dyDescent="0.25">
      <c r="B248" s="5"/>
      <c r="C248" s="5"/>
      <c r="D248" s="7"/>
      <c r="E248" s="7"/>
      <c r="F248" s="23"/>
    </row>
    <row r="249" spans="2:6" s="2" customFormat="1" ht="20.100000000000001" customHeight="1" x14ac:dyDescent="0.25">
      <c r="B249" s="144" t="s">
        <v>45</v>
      </c>
      <c r="C249" s="144"/>
      <c r="D249" s="144"/>
      <c r="E249" s="144"/>
      <c r="F249" s="144"/>
    </row>
    <row r="250" spans="2:6" s="2" customFormat="1" ht="5.0999999999999996" customHeight="1" thickBot="1" x14ac:dyDescent="0.3">
      <c r="B250" s="15"/>
      <c r="C250" s="3"/>
      <c r="D250" s="6"/>
      <c r="E250" s="6"/>
      <c r="F250" s="6"/>
    </row>
    <row r="251" spans="2:6" s="3" customFormat="1" ht="87.75" customHeight="1" x14ac:dyDescent="0.25">
      <c r="B251" s="145" t="s">
        <v>7</v>
      </c>
      <c r="C251" s="146"/>
      <c r="D251" s="154" t="s">
        <v>28</v>
      </c>
      <c r="E251" s="155"/>
      <c r="F251" s="156"/>
    </row>
    <row r="252" spans="2:6" s="3" customFormat="1" ht="30" customHeight="1" thickBot="1" x14ac:dyDescent="0.3">
      <c r="B252" s="147"/>
      <c r="C252" s="148"/>
      <c r="D252" s="21" t="s">
        <v>6</v>
      </c>
      <c r="E252" s="183" t="s">
        <v>29</v>
      </c>
      <c r="F252" s="184"/>
    </row>
    <row r="253" spans="2:6" s="2" customFormat="1" ht="95.25" customHeight="1" x14ac:dyDescent="0.25">
      <c r="B253" s="47" t="s">
        <v>14</v>
      </c>
      <c r="C253" s="70" t="s">
        <v>403</v>
      </c>
      <c r="D253" s="42"/>
      <c r="E253" s="192"/>
      <c r="F253" s="193"/>
    </row>
    <row r="254" spans="2:6" s="2" customFormat="1" ht="30.75" customHeight="1" x14ac:dyDescent="0.25">
      <c r="B254" s="47" t="s">
        <v>54</v>
      </c>
      <c r="C254" s="70" t="s">
        <v>422</v>
      </c>
      <c r="D254" s="42"/>
      <c r="E254" s="114"/>
      <c r="F254" s="55"/>
    </row>
    <row r="255" spans="2:6" s="2" customFormat="1" ht="53.25" customHeight="1" x14ac:dyDescent="0.25">
      <c r="B255" s="47" t="s">
        <v>55</v>
      </c>
      <c r="C255" s="70" t="s">
        <v>391</v>
      </c>
      <c r="D255" s="42"/>
      <c r="E255" s="114"/>
      <c r="F255" s="55"/>
    </row>
    <row r="256" spans="2:6" s="2" customFormat="1" ht="19.5" customHeight="1" x14ac:dyDescent="0.25">
      <c r="B256" s="47" t="s">
        <v>56</v>
      </c>
      <c r="C256" s="112" t="s">
        <v>392</v>
      </c>
      <c r="D256" s="42"/>
      <c r="E256" s="123" t="s">
        <v>450</v>
      </c>
      <c r="F256" s="124"/>
    </row>
    <row r="257" spans="2:6" s="2" customFormat="1" ht="36" customHeight="1" x14ac:dyDescent="0.25">
      <c r="B257" s="41" t="s">
        <v>244</v>
      </c>
      <c r="C257" s="113" t="s">
        <v>411</v>
      </c>
      <c r="D257" s="42"/>
      <c r="E257" s="114"/>
      <c r="F257" s="55"/>
    </row>
    <row r="258" spans="2:6" s="2" customFormat="1" ht="32.25" customHeight="1" x14ac:dyDescent="0.25">
      <c r="B258" s="41" t="s">
        <v>405</v>
      </c>
      <c r="C258" s="112" t="s">
        <v>393</v>
      </c>
      <c r="D258" s="42"/>
      <c r="E258" s="114"/>
      <c r="F258" s="55"/>
    </row>
    <row r="259" spans="2:6" s="2" customFormat="1" ht="27" customHeight="1" x14ac:dyDescent="0.25">
      <c r="B259" s="41" t="s">
        <v>406</v>
      </c>
      <c r="C259" s="112" t="s">
        <v>394</v>
      </c>
      <c r="D259" s="42"/>
      <c r="E259" s="114"/>
      <c r="F259" s="55"/>
    </row>
    <row r="260" spans="2:6" s="2" customFormat="1" ht="46.5" customHeight="1" x14ac:dyDescent="0.25">
      <c r="B260" s="41" t="s">
        <v>407</v>
      </c>
      <c r="C260" s="112" t="s">
        <v>404</v>
      </c>
      <c r="D260" s="42"/>
      <c r="E260" s="114"/>
      <c r="F260" s="55"/>
    </row>
    <row r="261" spans="2:6" s="2" customFormat="1" ht="129" customHeight="1" x14ac:dyDescent="0.25">
      <c r="B261" s="41" t="s">
        <v>408</v>
      </c>
      <c r="C261" s="112" t="s">
        <v>395</v>
      </c>
      <c r="D261" s="42"/>
      <c r="E261" s="114"/>
      <c r="F261" s="55"/>
    </row>
    <row r="262" spans="2:6" s="2" customFormat="1" ht="135" customHeight="1" x14ac:dyDescent="0.25">
      <c r="B262" s="41" t="s">
        <v>409</v>
      </c>
      <c r="C262" s="112" t="s">
        <v>396</v>
      </c>
      <c r="D262" s="42"/>
      <c r="E262" s="114"/>
      <c r="F262" s="55"/>
    </row>
    <row r="263" spans="2:6" s="2" customFormat="1" ht="40.5" customHeight="1" x14ac:dyDescent="0.25">
      <c r="B263" s="47" t="s">
        <v>363</v>
      </c>
      <c r="C263" s="2" t="s">
        <v>410</v>
      </c>
      <c r="D263" s="42"/>
      <c r="E263" s="189"/>
      <c r="F263" s="190"/>
    </row>
    <row r="264" spans="2:6" s="2" customFormat="1" ht="30.75" customHeight="1" x14ac:dyDescent="0.25">
      <c r="B264" s="47" t="s">
        <v>364</v>
      </c>
      <c r="C264" s="70" t="s">
        <v>423</v>
      </c>
      <c r="D264" s="42"/>
      <c r="E264" s="189"/>
      <c r="F264" s="190"/>
    </row>
    <row r="265" spans="2:6" s="2" customFormat="1" ht="69" customHeight="1" x14ac:dyDescent="0.25">
      <c r="B265" s="47" t="s">
        <v>365</v>
      </c>
      <c r="C265" s="70" t="s">
        <v>419</v>
      </c>
      <c r="D265" s="42"/>
      <c r="E265" s="108"/>
      <c r="F265" s="109"/>
    </row>
    <row r="266" spans="2:6" s="2" customFormat="1" ht="32.25" customHeight="1" x14ac:dyDescent="0.25">
      <c r="B266" s="47" t="s">
        <v>366</v>
      </c>
      <c r="C266" s="70" t="s">
        <v>425</v>
      </c>
      <c r="D266" s="42"/>
      <c r="E266" s="189"/>
      <c r="F266" s="190"/>
    </row>
    <row r="267" spans="2:6" s="2" customFormat="1" ht="44.25" customHeight="1" x14ac:dyDescent="0.25">
      <c r="B267" s="47" t="s">
        <v>367</v>
      </c>
      <c r="C267" s="70" t="s">
        <v>424</v>
      </c>
      <c r="D267" s="42"/>
      <c r="E267" s="189"/>
      <c r="F267" s="190"/>
    </row>
    <row r="268" spans="2:6" s="2" customFormat="1" ht="44.25" customHeight="1" x14ac:dyDescent="0.25">
      <c r="B268" s="47" t="s">
        <v>368</v>
      </c>
      <c r="C268" s="70" t="s">
        <v>417</v>
      </c>
      <c r="D268" s="42"/>
      <c r="E268" s="189"/>
      <c r="F268" s="190"/>
    </row>
    <row r="269" spans="2:6" s="2" customFormat="1" ht="93" customHeight="1" x14ac:dyDescent="0.25">
      <c r="B269" s="47" t="s">
        <v>369</v>
      </c>
      <c r="C269" s="70" t="s">
        <v>418</v>
      </c>
      <c r="D269" s="42"/>
      <c r="E269" s="108"/>
      <c r="F269" s="109"/>
    </row>
    <row r="270" spans="2:6" s="2" customFormat="1" ht="27.75" customHeight="1" x14ac:dyDescent="0.25">
      <c r="B270" s="47" t="s">
        <v>370</v>
      </c>
      <c r="C270" s="70" t="s">
        <v>402</v>
      </c>
      <c r="D270" s="42"/>
      <c r="E270" s="189"/>
      <c r="F270" s="190"/>
    </row>
    <row r="271" spans="2:6" s="2" customFormat="1" ht="70.5" customHeight="1" x14ac:dyDescent="0.25">
      <c r="B271" s="47" t="s">
        <v>413</v>
      </c>
      <c r="C271" s="70" t="s">
        <v>401</v>
      </c>
      <c r="D271" s="42"/>
      <c r="E271" s="189"/>
      <c r="F271" s="190"/>
    </row>
    <row r="272" spans="2:6" s="2" customFormat="1" ht="30" customHeight="1" x14ac:dyDescent="0.25">
      <c r="B272" s="47" t="s">
        <v>372</v>
      </c>
      <c r="C272" s="70" t="s">
        <v>426</v>
      </c>
      <c r="D272" s="42"/>
      <c r="E272" s="108"/>
      <c r="F272" s="109"/>
    </row>
    <row r="273" spans="2:7" s="2" customFormat="1" ht="43.5" customHeight="1" x14ac:dyDescent="0.25">
      <c r="B273" s="47" t="s">
        <v>373</v>
      </c>
      <c r="C273" s="70" t="s">
        <v>412</v>
      </c>
      <c r="D273" s="42"/>
      <c r="E273" s="189"/>
      <c r="F273" s="190"/>
    </row>
    <row r="274" spans="2:7" s="2" customFormat="1" ht="42.75" customHeight="1" x14ac:dyDescent="0.25">
      <c r="B274" s="47" t="s">
        <v>374</v>
      </c>
      <c r="C274" s="70" t="s">
        <v>427</v>
      </c>
      <c r="D274" s="42"/>
      <c r="E274" s="189"/>
      <c r="F274" s="190"/>
    </row>
    <row r="275" spans="2:7" s="2" customFormat="1" ht="27.75" customHeight="1" x14ac:dyDescent="0.25">
      <c r="B275" s="47" t="s">
        <v>375</v>
      </c>
      <c r="C275" s="70" t="s">
        <v>416</v>
      </c>
      <c r="D275" s="42"/>
      <c r="E275" s="189"/>
      <c r="F275" s="190"/>
    </row>
    <row r="276" spans="2:7" s="2" customFormat="1" ht="42.75" customHeight="1" x14ac:dyDescent="0.25">
      <c r="B276" s="47" t="s">
        <v>377</v>
      </c>
      <c r="C276" s="70" t="s">
        <v>371</v>
      </c>
      <c r="D276" s="42"/>
      <c r="E276" s="189"/>
      <c r="F276" s="190"/>
    </row>
    <row r="277" spans="2:7" s="2" customFormat="1" ht="70.5" customHeight="1" x14ac:dyDescent="0.25">
      <c r="B277" s="47" t="s">
        <v>379</v>
      </c>
      <c r="C277" s="70" t="s">
        <v>415</v>
      </c>
      <c r="D277" s="42"/>
      <c r="E277" s="189"/>
      <c r="F277" s="190"/>
    </row>
    <row r="278" spans="2:7" s="2" customFormat="1" ht="83.25" customHeight="1" x14ac:dyDescent="0.25">
      <c r="B278" s="47" t="s">
        <v>380</v>
      </c>
      <c r="C278" s="70" t="s">
        <v>414</v>
      </c>
      <c r="D278" s="42"/>
      <c r="E278" s="189"/>
      <c r="F278" s="190"/>
    </row>
    <row r="279" spans="2:7" s="2" customFormat="1" ht="282" customHeight="1" x14ac:dyDescent="0.25">
      <c r="B279" s="47" t="s">
        <v>382</v>
      </c>
      <c r="C279" s="70" t="s">
        <v>376</v>
      </c>
      <c r="D279" s="42"/>
      <c r="E279" s="189"/>
      <c r="F279" s="190"/>
    </row>
    <row r="280" spans="2:7" s="2" customFormat="1" ht="120.75" customHeight="1" x14ac:dyDescent="0.25">
      <c r="B280" s="47" t="s">
        <v>384</v>
      </c>
      <c r="C280" s="70" t="s">
        <v>378</v>
      </c>
      <c r="D280" s="42"/>
      <c r="E280" s="125"/>
      <c r="F280" s="126"/>
    </row>
    <row r="281" spans="2:7" s="2" customFormat="1" ht="122.25" customHeight="1" x14ac:dyDescent="0.25">
      <c r="B281" s="47" t="s">
        <v>386</v>
      </c>
      <c r="C281" s="70" t="s">
        <v>420</v>
      </c>
      <c r="D281" s="42"/>
      <c r="E281" s="125"/>
      <c r="F281" s="126"/>
    </row>
    <row r="282" spans="2:7" s="2" customFormat="1" ht="82.5" customHeight="1" x14ac:dyDescent="0.25">
      <c r="B282" s="47" t="s">
        <v>388</v>
      </c>
      <c r="C282" s="70" t="s">
        <v>381</v>
      </c>
      <c r="D282" s="42"/>
      <c r="E282" s="125"/>
      <c r="F282" s="126"/>
    </row>
    <row r="283" spans="2:7" s="2" customFormat="1" ht="201.75" customHeight="1" x14ac:dyDescent="0.25">
      <c r="B283" s="47" t="s">
        <v>397</v>
      </c>
      <c r="C283" s="70" t="s">
        <v>383</v>
      </c>
      <c r="D283" s="42"/>
      <c r="E283" s="125"/>
      <c r="F283" s="126"/>
    </row>
    <row r="284" spans="2:7" s="2" customFormat="1" ht="95.25" customHeight="1" x14ac:dyDescent="0.25">
      <c r="B284" s="47" t="s">
        <v>398</v>
      </c>
      <c r="C284" s="70" t="s">
        <v>385</v>
      </c>
      <c r="D284" s="42"/>
      <c r="E284" s="125"/>
      <c r="F284" s="126"/>
    </row>
    <row r="285" spans="2:7" s="2" customFormat="1" ht="122.25" customHeight="1" thickBot="1" x14ac:dyDescent="0.3">
      <c r="B285" s="47" t="s">
        <v>399</v>
      </c>
      <c r="C285" s="70" t="s">
        <v>387</v>
      </c>
      <c r="D285" s="51"/>
      <c r="E285" s="125"/>
      <c r="F285" s="126"/>
    </row>
    <row r="286" spans="2:7" s="3" customFormat="1" ht="68.25" customHeight="1" thickBot="1" x14ac:dyDescent="0.3">
      <c r="B286" s="47" t="s">
        <v>400</v>
      </c>
      <c r="C286" s="70" t="s">
        <v>389</v>
      </c>
      <c r="D286" s="51"/>
      <c r="E286" s="125"/>
      <c r="F286" s="126"/>
      <c r="G286" s="2"/>
    </row>
    <row r="287" spans="2:7" s="3" customFormat="1" ht="42.75" customHeight="1" thickBot="1" x14ac:dyDescent="0.3">
      <c r="B287" s="47" t="s">
        <v>421</v>
      </c>
      <c r="C287" s="70" t="s">
        <v>390</v>
      </c>
      <c r="D287" s="51"/>
      <c r="E287" s="127"/>
      <c r="F287" s="128"/>
      <c r="G287" s="2"/>
    </row>
    <row r="288" spans="2:7" s="3" customFormat="1" ht="28.5" customHeight="1" x14ac:dyDescent="0.25">
      <c r="B288" s="110"/>
      <c r="C288" s="111"/>
      <c r="D288" s="7"/>
      <c r="E288" s="7"/>
      <c r="F288" s="23"/>
      <c r="G288" s="2"/>
    </row>
    <row r="289" spans="2:7" s="2" customFormat="1" ht="20.100000000000001" customHeight="1" x14ac:dyDescent="0.25">
      <c r="B289" s="144" t="s">
        <v>50</v>
      </c>
      <c r="C289" s="144"/>
      <c r="D289" s="144"/>
      <c r="E289" s="144"/>
      <c r="F289" s="144"/>
    </row>
    <row r="290" spans="2:7" s="2" customFormat="1" ht="4.5" customHeight="1" thickBot="1" x14ac:dyDescent="0.3">
      <c r="C290" s="3"/>
    </row>
    <row r="291" spans="2:7" s="2" customFormat="1" ht="80.25" customHeight="1" x14ac:dyDescent="0.25">
      <c r="B291" s="145" t="s">
        <v>51</v>
      </c>
      <c r="C291" s="146"/>
      <c r="D291" s="154" t="s">
        <v>52</v>
      </c>
      <c r="E291" s="155"/>
      <c r="F291" s="156"/>
    </row>
    <row r="292" spans="2:7" s="3" customFormat="1" ht="29.25" customHeight="1" thickBot="1" x14ac:dyDescent="0.3">
      <c r="B292" s="147"/>
      <c r="C292" s="148"/>
      <c r="D292" s="21" t="s">
        <v>6</v>
      </c>
      <c r="E292" s="183" t="s">
        <v>29</v>
      </c>
      <c r="F292" s="184"/>
      <c r="G292" s="2"/>
    </row>
    <row r="293" spans="2:7" s="3" customFormat="1" ht="27" customHeight="1" x14ac:dyDescent="0.25">
      <c r="B293" s="43" t="s">
        <v>14</v>
      </c>
      <c r="C293" s="71" t="s">
        <v>58</v>
      </c>
      <c r="D293" s="44"/>
      <c r="E293" s="187"/>
      <c r="F293" s="188"/>
      <c r="G293" s="2"/>
    </row>
    <row r="294" spans="2:7" s="3" customFormat="1" ht="59.25" customHeight="1" thickBot="1" x14ac:dyDescent="0.3">
      <c r="B294" s="41" t="s">
        <v>54</v>
      </c>
      <c r="C294" s="72" t="s">
        <v>59</v>
      </c>
      <c r="D294" s="46"/>
      <c r="E294" s="56"/>
      <c r="F294" s="55"/>
      <c r="G294" s="2"/>
    </row>
    <row r="295" spans="2:7" s="3" customFormat="1" ht="54" customHeight="1" x14ac:dyDescent="0.25">
      <c r="B295" s="52" t="s">
        <v>55</v>
      </c>
      <c r="C295" s="73" t="s">
        <v>60</v>
      </c>
      <c r="D295" s="54"/>
      <c r="E295" s="191"/>
      <c r="F295" s="124"/>
      <c r="G295" s="2"/>
    </row>
    <row r="296" spans="2:7" s="3" customFormat="1" ht="30.75" customHeight="1" thickBot="1" x14ac:dyDescent="0.3">
      <c r="B296" s="45" t="s">
        <v>56</v>
      </c>
      <c r="C296" s="48" t="s">
        <v>53</v>
      </c>
      <c r="D296" s="46"/>
      <c r="E296" s="181"/>
      <c r="F296" s="182"/>
      <c r="G296" s="2"/>
    </row>
    <row r="297" spans="2:7" s="2" customFormat="1" ht="5.0999999999999996" customHeight="1" x14ac:dyDescent="0.25">
      <c r="B297" s="5"/>
      <c r="C297" s="5"/>
      <c r="D297" s="7"/>
      <c r="E297" s="7"/>
      <c r="F297" s="23"/>
    </row>
    <row r="298" spans="2:7" s="2" customFormat="1" ht="20.100000000000001" customHeight="1" x14ac:dyDescent="0.25">
      <c r="B298" s="144" t="s">
        <v>13</v>
      </c>
      <c r="C298" s="144"/>
      <c r="D298" s="144"/>
      <c r="E298" s="144"/>
      <c r="F298" s="144"/>
    </row>
    <row r="299" spans="2:7" s="3" customFormat="1" ht="30" customHeight="1" x14ac:dyDescent="0.25">
      <c r="B299" s="5" t="s">
        <v>15</v>
      </c>
      <c r="C299" s="170" t="s">
        <v>62</v>
      </c>
      <c r="D299" s="170"/>
      <c r="E299" s="170"/>
      <c r="F299" s="170"/>
      <c r="G299" s="2"/>
    </row>
    <row r="300" spans="2:7" s="25" customFormat="1" ht="30" customHeight="1" x14ac:dyDescent="0.25">
      <c r="B300" s="5" t="s">
        <v>30</v>
      </c>
      <c r="C300" s="170" t="s">
        <v>31</v>
      </c>
      <c r="D300" s="170"/>
      <c r="E300" s="170"/>
      <c r="F300" s="170"/>
      <c r="G300" s="2"/>
    </row>
    <row r="301" spans="2:7" s="25" customFormat="1" ht="30" customHeight="1" x14ac:dyDescent="0.25">
      <c r="B301" s="171" t="s">
        <v>32</v>
      </c>
      <c r="C301" s="171"/>
      <c r="D301" s="171"/>
      <c r="E301" s="171"/>
      <c r="F301" s="3"/>
      <c r="G301" s="2"/>
    </row>
    <row r="302" spans="2:7" s="2" customFormat="1" ht="24.95" customHeight="1" x14ac:dyDescent="0.25">
      <c r="B302" s="24" t="s">
        <v>33</v>
      </c>
      <c r="C302" s="168"/>
      <c r="D302" s="168"/>
      <c r="F302" s="25"/>
    </row>
    <row r="303" spans="2:7" s="2" customFormat="1" ht="24.95" customHeight="1" x14ac:dyDescent="0.25">
      <c r="B303" s="24" t="s">
        <v>34</v>
      </c>
      <c r="C303" s="168"/>
      <c r="D303" s="168"/>
      <c r="F303" s="25"/>
    </row>
    <row r="304" spans="2:7" s="2" customFormat="1" ht="24.95" customHeight="1" x14ac:dyDescent="0.25">
      <c r="B304" s="24" t="s">
        <v>35</v>
      </c>
      <c r="C304" s="168"/>
      <c r="D304" s="168"/>
      <c r="F304" s="25"/>
    </row>
    <row r="305" spans="2:7" s="3" customFormat="1" ht="24.95" customHeight="1" x14ac:dyDescent="0.25">
      <c r="B305" s="24" t="s">
        <v>36</v>
      </c>
      <c r="C305" s="168"/>
      <c r="D305" s="168"/>
      <c r="E305" s="2"/>
      <c r="F305" s="26"/>
      <c r="G305" s="2"/>
    </row>
    <row r="306" spans="2:7" s="2" customFormat="1" ht="14.25" customHeight="1" x14ac:dyDescent="0.2">
      <c r="B306" s="11"/>
      <c r="C306" s="74"/>
      <c r="D306" s="12"/>
      <c r="F306" s="27"/>
    </row>
    <row r="307" spans="2:7" s="3" customFormat="1" ht="15" customHeight="1" x14ac:dyDescent="0.25">
      <c r="B307" s="172" t="s">
        <v>37</v>
      </c>
      <c r="C307" s="172"/>
      <c r="D307" s="172"/>
      <c r="E307" s="172"/>
      <c r="F307" s="172"/>
    </row>
    <row r="308" spans="2:7" s="2" customFormat="1" ht="36.75" customHeight="1" x14ac:dyDescent="0.25">
      <c r="B308" s="169" t="s">
        <v>47</v>
      </c>
      <c r="C308" s="169"/>
      <c r="D308" s="169"/>
      <c r="E308" s="169"/>
      <c r="F308" s="169"/>
    </row>
    <row r="309" spans="2:7" s="2" customFormat="1" ht="20.100000000000001" customHeight="1" x14ac:dyDescent="0.2">
      <c r="B309" s="1"/>
      <c r="C309" s="3"/>
      <c r="D309" s="8"/>
      <c r="E309" s="8"/>
    </row>
    <row r="310" spans="2:7" s="3" customFormat="1" ht="4.5" customHeight="1" x14ac:dyDescent="0.2">
      <c r="B310" s="1"/>
      <c r="D310" s="8"/>
      <c r="E310" s="8"/>
      <c r="F310" s="2"/>
    </row>
    <row r="311" spans="2:7" s="3" customFormat="1" ht="20.100000000000001" customHeight="1" x14ac:dyDescent="0.25">
      <c r="B311" s="28" t="s">
        <v>38</v>
      </c>
      <c r="C311" s="75"/>
      <c r="D311" s="29" t="s">
        <v>39</v>
      </c>
      <c r="E311" s="166"/>
      <c r="F311" s="166"/>
    </row>
    <row r="312" spans="2:7" s="3" customFormat="1" ht="20.100000000000001" customHeight="1" x14ac:dyDescent="0.25">
      <c r="B312" s="30"/>
      <c r="C312" s="76"/>
      <c r="D312" s="30"/>
      <c r="E312" s="31"/>
      <c r="F312" s="31"/>
    </row>
    <row r="313" spans="2:7" ht="20.100000000000001" customHeight="1" x14ac:dyDescent="0.2">
      <c r="B313" s="28" t="s">
        <v>40</v>
      </c>
      <c r="C313" s="75"/>
      <c r="D313" s="32" t="s">
        <v>41</v>
      </c>
      <c r="E313" s="167"/>
      <c r="F313" s="167"/>
    </row>
    <row r="314" spans="2:7" s="2" customFormat="1" ht="20.100000000000001" customHeight="1" x14ac:dyDescent="0.2">
      <c r="B314" s="1"/>
      <c r="C314" s="3"/>
      <c r="D314" s="32" t="s">
        <v>42</v>
      </c>
      <c r="E314" s="168"/>
      <c r="F314" s="168"/>
    </row>
    <row r="315" spans="2:7" s="2" customFormat="1" ht="20.100000000000001" customHeight="1" x14ac:dyDescent="0.2">
      <c r="B315" s="1"/>
      <c r="C315" s="3"/>
      <c r="D315" s="33" t="s">
        <v>43</v>
      </c>
      <c r="E315" s="1"/>
    </row>
    <row r="316" spans="2:7" s="2" customFormat="1" ht="37.5" customHeight="1" x14ac:dyDescent="0.25">
      <c r="C316" s="3"/>
    </row>
    <row r="317" spans="2:7" s="2" customFormat="1" ht="24" customHeight="1" x14ac:dyDescent="0.25">
      <c r="C317" s="3"/>
    </row>
    <row r="318" spans="2:7" s="2" customFormat="1" ht="24" customHeight="1" x14ac:dyDescent="0.25">
      <c r="C318" s="3"/>
    </row>
    <row r="319" spans="2:7" s="2" customFormat="1" ht="24" customHeight="1" x14ac:dyDescent="0.25">
      <c r="C319" s="3"/>
    </row>
    <row r="320" spans="2:7" s="2" customFormat="1" ht="20.100000000000001" customHeight="1" x14ac:dyDescent="0.25">
      <c r="C320" s="3"/>
    </row>
    <row r="321" spans="2:5" s="2" customFormat="1" ht="20.100000000000001" customHeight="1" x14ac:dyDescent="0.25">
      <c r="C321" s="3"/>
    </row>
    <row r="322" spans="2:5" s="2" customFormat="1" ht="50.1" customHeight="1" x14ac:dyDescent="0.25">
      <c r="C322" s="3"/>
    </row>
    <row r="323" spans="2:5" s="2" customFormat="1" ht="43.5" customHeight="1" x14ac:dyDescent="0.25">
      <c r="C323" s="3"/>
    </row>
    <row r="324" spans="2:5" ht="24.75" customHeight="1" x14ac:dyDescent="0.2">
      <c r="B324" s="2"/>
      <c r="D324" s="2"/>
      <c r="E324" s="2"/>
    </row>
    <row r="325" spans="2:5" x14ac:dyDescent="0.2">
      <c r="B325" s="2"/>
      <c r="D325" s="2"/>
      <c r="E325" s="2"/>
    </row>
    <row r="326" spans="2:5" ht="20.100000000000001" customHeight="1" x14ac:dyDescent="0.2"/>
    <row r="327" spans="2:5" ht="4.5" customHeight="1" x14ac:dyDescent="0.2"/>
    <row r="328" spans="2:5" ht="20.100000000000001" customHeight="1" x14ac:dyDescent="0.2"/>
    <row r="329" spans="2:5" ht="20.100000000000001" customHeight="1" x14ac:dyDescent="0.2"/>
    <row r="330" spans="2:5" ht="20.100000000000001" customHeight="1" x14ac:dyDescent="0.2"/>
  </sheetData>
  <mergeCells count="274">
    <mergeCell ref="E244:F244"/>
    <mergeCell ref="E245:F245"/>
    <mergeCell ref="E246:F246"/>
    <mergeCell ref="E232:F232"/>
    <mergeCell ref="E233:F233"/>
    <mergeCell ref="E234:F234"/>
    <mergeCell ref="E235:F235"/>
    <mergeCell ref="E236:F236"/>
    <mergeCell ref="E237:F237"/>
    <mergeCell ref="E238:F238"/>
    <mergeCell ref="E239:F239"/>
    <mergeCell ref="E240:F240"/>
    <mergeCell ref="E226:F226"/>
    <mergeCell ref="E227:F227"/>
    <mergeCell ref="E228:F228"/>
    <mergeCell ref="E229:F229"/>
    <mergeCell ref="E230:F230"/>
    <mergeCell ref="E231:F231"/>
    <mergeCell ref="E241:F241"/>
    <mergeCell ref="E242:F242"/>
    <mergeCell ref="E243:F243"/>
    <mergeCell ref="E217:F217"/>
    <mergeCell ref="E218:F218"/>
    <mergeCell ref="E219:F219"/>
    <mergeCell ref="E220:F220"/>
    <mergeCell ref="E221:F221"/>
    <mergeCell ref="E222:F222"/>
    <mergeCell ref="E223:F223"/>
    <mergeCell ref="E224:F224"/>
    <mergeCell ref="E225:F225"/>
    <mergeCell ref="E208:F208"/>
    <mergeCell ref="E209:F209"/>
    <mergeCell ref="E210:F210"/>
    <mergeCell ref="E211:F211"/>
    <mergeCell ref="E212:F212"/>
    <mergeCell ref="E213:F213"/>
    <mergeCell ref="E214:F214"/>
    <mergeCell ref="E215:F215"/>
    <mergeCell ref="E216:F216"/>
    <mergeCell ref="E198:F198"/>
    <mergeCell ref="E199:F199"/>
    <mergeCell ref="E200:F200"/>
    <mergeCell ref="E201:F201"/>
    <mergeCell ref="E203:F203"/>
    <mergeCell ref="E204:F204"/>
    <mergeCell ref="E205:F205"/>
    <mergeCell ref="E206:F206"/>
    <mergeCell ref="E207:F207"/>
    <mergeCell ref="E188:F188"/>
    <mergeCell ref="E189:F189"/>
    <mergeCell ref="E190:F190"/>
    <mergeCell ref="E191:F191"/>
    <mergeCell ref="E192:F192"/>
    <mergeCell ref="E193:F193"/>
    <mergeCell ref="E194:F194"/>
    <mergeCell ref="E195:F195"/>
    <mergeCell ref="E196:F196"/>
    <mergeCell ref="E179:F179"/>
    <mergeCell ref="E180:F180"/>
    <mergeCell ref="E181:F181"/>
    <mergeCell ref="E182:F182"/>
    <mergeCell ref="E184:F184"/>
    <mergeCell ref="B183:F183"/>
    <mergeCell ref="E185:F185"/>
    <mergeCell ref="E186:F186"/>
    <mergeCell ref="E187:F187"/>
    <mergeCell ref="E163:F163"/>
    <mergeCell ref="E164:F164"/>
    <mergeCell ref="B165:F165"/>
    <mergeCell ref="E173:F173"/>
    <mergeCell ref="E174:F174"/>
    <mergeCell ref="E175:F175"/>
    <mergeCell ref="E176:F176"/>
    <mergeCell ref="E177:F177"/>
    <mergeCell ref="E178:F178"/>
    <mergeCell ref="E154:F154"/>
    <mergeCell ref="E155:F155"/>
    <mergeCell ref="E156:F156"/>
    <mergeCell ref="E157:F157"/>
    <mergeCell ref="E158:F158"/>
    <mergeCell ref="E159:F159"/>
    <mergeCell ref="E160:F160"/>
    <mergeCell ref="E161:F161"/>
    <mergeCell ref="E162:F162"/>
    <mergeCell ref="E145:F145"/>
    <mergeCell ref="E146:F146"/>
    <mergeCell ref="E147:F147"/>
    <mergeCell ref="E148:F148"/>
    <mergeCell ref="E149:F149"/>
    <mergeCell ref="E150:F150"/>
    <mergeCell ref="E151:F151"/>
    <mergeCell ref="E152:F152"/>
    <mergeCell ref="E153:F153"/>
    <mergeCell ref="E136:F136"/>
    <mergeCell ref="E137:F137"/>
    <mergeCell ref="E138:F138"/>
    <mergeCell ref="E139:F139"/>
    <mergeCell ref="E140:F140"/>
    <mergeCell ref="E141:F141"/>
    <mergeCell ref="E142:F142"/>
    <mergeCell ref="E143:F143"/>
    <mergeCell ref="E144:F144"/>
    <mergeCell ref="E127:F127"/>
    <mergeCell ref="E128:F128"/>
    <mergeCell ref="E129:F129"/>
    <mergeCell ref="E130:F130"/>
    <mergeCell ref="E131:F131"/>
    <mergeCell ref="E132:F132"/>
    <mergeCell ref="E133:F133"/>
    <mergeCell ref="E134:F134"/>
    <mergeCell ref="E135:F135"/>
    <mergeCell ref="E114:F114"/>
    <mergeCell ref="E115:F115"/>
    <mergeCell ref="E116:F116"/>
    <mergeCell ref="E117:F117"/>
    <mergeCell ref="E118:F118"/>
    <mergeCell ref="E119:F119"/>
    <mergeCell ref="E120:F120"/>
    <mergeCell ref="E121:F121"/>
    <mergeCell ref="E122:F122"/>
    <mergeCell ref="E105:F105"/>
    <mergeCell ref="E106:F106"/>
    <mergeCell ref="E107:F107"/>
    <mergeCell ref="E108:F108"/>
    <mergeCell ref="E109:F109"/>
    <mergeCell ref="E110:F110"/>
    <mergeCell ref="E111:F111"/>
    <mergeCell ref="E112:F112"/>
    <mergeCell ref="E113:F113"/>
    <mergeCell ref="E295:F295"/>
    <mergeCell ref="E263:F263"/>
    <mergeCell ref="E252:F252"/>
    <mergeCell ref="E80:F80"/>
    <mergeCell ref="E253:F253"/>
    <mergeCell ref="E51:F51"/>
    <mergeCell ref="E74:F74"/>
    <mergeCell ref="E77:F77"/>
    <mergeCell ref="E78:F78"/>
    <mergeCell ref="E79:F79"/>
    <mergeCell ref="B249:F249"/>
    <mergeCell ref="B251:C252"/>
    <mergeCell ref="D251:F251"/>
    <mergeCell ref="E276:F276"/>
    <mergeCell ref="E277:F277"/>
    <mergeCell ref="E278:F278"/>
    <mergeCell ref="B197:F197"/>
    <mergeCell ref="E82:F82"/>
    <mergeCell ref="E83:F83"/>
    <mergeCell ref="E84:F84"/>
    <mergeCell ref="E85:F85"/>
    <mergeCell ref="E102:F102"/>
    <mergeCell ref="E103:F103"/>
    <mergeCell ref="E104:F104"/>
    <mergeCell ref="E296:F296"/>
    <mergeCell ref="B289:F289"/>
    <mergeCell ref="B291:C292"/>
    <mergeCell ref="D291:F291"/>
    <mergeCell ref="E292:F292"/>
    <mergeCell ref="E75:F75"/>
    <mergeCell ref="E76:F76"/>
    <mergeCell ref="E293:F293"/>
    <mergeCell ref="E266:F266"/>
    <mergeCell ref="E267:F267"/>
    <mergeCell ref="E268:F268"/>
    <mergeCell ref="E270:F270"/>
    <mergeCell ref="E271:F271"/>
    <mergeCell ref="E273:F273"/>
    <mergeCell ref="E264:F264"/>
    <mergeCell ref="E283:F283"/>
    <mergeCell ref="E284:F284"/>
    <mergeCell ref="E285:F285"/>
    <mergeCell ref="E282:F282"/>
    <mergeCell ref="E279:F279"/>
    <mergeCell ref="E280:F280"/>
    <mergeCell ref="E281:F281"/>
    <mergeCell ref="E274:F274"/>
    <mergeCell ref="E275:F275"/>
    <mergeCell ref="B3:F3"/>
    <mergeCell ref="B7:F7"/>
    <mergeCell ref="B8:F8"/>
    <mergeCell ref="B11:F11"/>
    <mergeCell ref="B12:D12"/>
    <mergeCell ref="B2:F2"/>
    <mergeCell ref="B26:C26"/>
    <mergeCell ref="B29:C29"/>
    <mergeCell ref="B9:F9"/>
    <mergeCell ref="B16:D16"/>
    <mergeCell ref="B13:C13"/>
    <mergeCell ref="B14:C14"/>
    <mergeCell ref="B15:C15"/>
    <mergeCell ref="E311:F311"/>
    <mergeCell ref="E313:F313"/>
    <mergeCell ref="E314:F314"/>
    <mergeCell ref="B308:F308"/>
    <mergeCell ref="B298:F298"/>
    <mergeCell ref="C299:F299"/>
    <mergeCell ref="C300:F300"/>
    <mergeCell ref="B301:E301"/>
    <mergeCell ref="B307:F307"/>
    <mergeCell ref="C302:D302"/>
    <mergeCell ref="C303:D303"/>
    <mergeCell ref="C304:D304"/>
    <mergeCell ref="C305:D305"/>
    <mergeCell ref="E101:F101"/>
    <mergeCell ref="B44:F44"/>
    <mergeCell ref="B46:C47"/>
    <mergeCell ref="B22:F22"/>
    <mergeCell ref="B23:D23"/>
    <mergeCell ref="B24:F24"/>
    <mergeCell ref="B19:D19"/>
    <mergeCell ref="B20:D20"/>
    <mergeCell ref="B21:F21"/>
    <mergeCell ref="C31:D31"/>
    <mergeCell ref="D46:F46"/>
    <mergeCell ref="E47:F47"/>
    <mergeCell ref="B25:F25"/>
    <mergeCell ref="C30:D30"/>
    <mergeCell ref="B40:C40"/>
    <mergeCell ref="C38:D38"/>
    <mergeCell ref="C32:D32"/>
    <mergeCell ref="C33:D33"/>
    <mergeCell ref="C35:D35"/>
    <mergeCell ref="C34:D34"/>
    <mergeCell ref="B48:F48"/>
    <mergeCell ref="E49:F49"/>
    <mergeCell ref="E50:F50"/>
    <mergeCell ref="E86:F86"/>
    <mergeCell ref="E247:F247"/>
    <mergeCell ref="E71:F71"/>
    <mergeCell ref="E72:F72"/>
    <mergeCell ref="E73:F73"/>
    <mergeCell ref="E90:F90"/>
    <mergeCell ref="B87:F87"/>
    <mergeCell ref="E123:F123"/>
    <mergeCell ref="E124:F124"/>
    <mergeCell ref="E125:F125"/>
    <mergeCell ref="E88:F88"/>
    <mergeCell ref="B126:F126"/>
    <mergeCell ref="B172:F172"/>
    <mergeCell ref="B202:F202"/>
    <mergeCell ref="E91:F91"/>
    <mergeCell ref="E92:F92"/>
    <mergeCell ref="E93:F93"/>
    <mergeCell ref="E94:F94"/>
    <mergeCell ref="E95:F95"/>
    <mergeCell ref="E96:F96"/>
    <mergeCell ref="E97:F97"/>
    <mergeCell ref="E98:F98"/>
    <mergeCell ref="E99:F99"/>
    <mergeCell ref="E100:F100"/>
    <mergeCell ref="B1:F1"/>
    <mergeCell ref="E256:F256"/>
    <mergeCell ref="E286:F286"/>
    <mergeCell ref="E287:F287"/>
    <mergeCell ref="E52:F52"/>
    <mergeCell ref="E53:F53"/>
    <mergeCell ref="E54:F54"/>
    <mergeCell ref="E55:F55"/>
    <mergeCell ref="E56:F56"/>
    <mergeCell ref="E57:F57"/>
    <mergeCell ref="E58:F58"/>
    <mergeCell ref="E59:F59"/>
    <mergeCell ref="E81:F81"/>
    <mergeCell ref="E66:F66"/>
    <mergeCell ref="E67:F67"/>
    <mergeCell ref="E68:F68"/>
    <mergeCell ref="E69:F69"/>
    <mergeCell ref="E70:F70"/>
    <mergeCell ref="E60:F60"/>
    <mergeCell ref="E61:F61"/>
    <mergeCell ref="E62:F62"/>
    <mergeCell ref="E63:F63"/>
    <mergeCell ref="E64:F64"/>
    <mergeCell ref="E65:F65"/>
  </mergeCells>
  <conditionalFormatting sqref="D80:D86 D51:D73 D88:D125 D127:D164 D173:D182 D184:D196 D198:D201 D203:D247 D276:D285 D253:D274 D166:D171">
    <cfRule type="containsBlanks" dxfId="18" priority="119">
      <formula>LEN(TRIM(D51))=0</formula>
    </cfRule>
  </conditionalFormatting>
  <conditionalFormatting sqref="E313:F313">
    <cfRule type="containsBlanks" dxfId="17" priority="118">
      <formula>LEN(TRIM(E313))=0</formula>
    </cfRule>
  </conditionalFormatting>
  <conditionalFormatting sqref="C311">
    <cfRule type="containsBlanks" dxfId="16" priority="116">
      <formula>LEN(TRIM(C311))=0</formula>
    </cfRule>
  </conditionalFormatting>
  <conditionalFormatting sqref="E314:F314">
    <cfRule type="containsBlanks" dxfId="15" priority="117">
      <formula>LEN(TRIM(E314))=0</formula>
    </cfRule>
  </conditionalFormatting>
  <conditionalFormatting sqref="C313">
    <cfRule type="containsBlanks" dxfId="14" priority="115">
      <formula>LEN(TRIM(C313))=0</formula>
    </cfRule>
  </conditionalFormatting>
  <conditionalFormatting sqref="C4:C5">
    <cfRule type="containsBlanks" dxfId="13" priority="114">
      <formula>LEN(TRIM(C4))=0</formula>
    </cfRule>
  </conditionalFormatting>
  <conditionalFormatting sqref="D49:D50">
    <cfRule type="containsBlanks" dxfId="12" priority="113">
      <formula>LEN(TRIM(D49))=0</formula>
    </cfRule>
  </conditionalFormatting>
  <conditionalFormatting sqref="D293:D295">
    <cfRule type="containsBlanks" dxfId="11" priority="108">
      <formula>LEN(TRIM(D293))=0</formula>
    </cfRule>
  </conditionalFormatting>
  <conditionalFormatting sqref="C304:D304">
    <cfRule type="containsBlanks" dxfId="10" priority="104">
      <formula>LEN(TRIM(C304))=0</formula>
    </cfRule>
  </conditionalFormatting>
  <conditionalFormatting sqref="D77">
    <cfRule type="containsBlanks" dxfId="9" priority="89">
      <formula>LEN(TRIM(D77))=0</formula>
    </cfRule>
  </conditionalFormatting>
  <conditionalFormatting sqref="D78">
    <cfRule type="containsBlanks" dxfId="8" priority="88">
      <formula>LEN(TRIM(D78))=0</formula>
    </cfRule>
  </conditionalFormatting>
  <conditionalFormatting sqref="D79">
    <cfRule type="containsBlanks" dxfId="7" priority="87">
      <formula>LEN(TRIM(D79))=0</formula>
    </cfRule>
  </conditionalFormatting>
  <conditionalFormatting sqref="D74:D76">
    <cfRule type="containsBlanks" dxfId="6" priority="85">
      <formula>LEN(TRIM(D74))=0</formula>
    </cfRule>
  </conditionalFormatting>
  <conditionalFormatting sqref="C303:D303">
    <cfRule type="containsBlanks" dxfId="5" priority="55">
      <formula>LEN(TRIM(C303))=0</formula>
    </cfRule>
  </conditionalFormatting>
  <conditionalFormatting sqref="C302:D302">
    <cfRule type="containsBlanks" dxfId="4" priority="54">
      <formula>LEN(TRIM(C302))=0</formula>
    </cfRule>
  </conditionalFormatting>
  <conditionalFormatting sqref="C305:D305">
    <cfRule type="containsBlanks" dxfId="3" priority="53">
      <formula>LEN(TRIM(C305))=0</formula>
    </cfRule>
  </conditionalFormatting>
  <conditionalFormatting sqref="D296">
    <cfRule type="containsBlanks" dxfId="2" priority="46">
      <formula>LEN(TRIM(D296))=0</formula>
    </cfRule>
  </conditionalFormatting>
  <conditionalFormatting sqref="D275">
    <cfRule type="containsBlanks" dxfId="1" priority="45">
      <formula>LEN(TRIM(D275))=0</formula>
    </cfRule>
  </conditionalFormatting>
  <conditionalFormatting sqref="D286:D287">
    <cfRule type="containsBlanks" dxfId="0" priority="1">
      <formula>LEN(TRIM(D286))=0</formula>
    </cfRule>
  </conditionalFormatting>
  <printOptions horizontalCentered="1"/>
  <pageMargins left="0.23622047244094491" right="0.23622047244094491" top="0.94488188976377963" bottom="0.74803149606299213" header="0.31496062992125984" footer="0.31496062992125984"/>
  <pageSetup paperSize="9" scale="76" fitToHeight="0" orientation="portrait" r:id="rId1"/>
  <headerFooter>
    <oddHeader>&amp;C&amp;"Arial,Normálne"&amp;16CENOVÁ PONUKA&amp;14
pre účel
prípravnej trhovej konzultácia a predbežného z&amp;12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466725</xdr:colOff>
                    <xdr:row>25</xdr:row>
                    <xdr:rowOff>228600</xdr:rowOff>
                  </from>
                  <to>
                    <xdr:col>2</xdr:col>
                    <xdr:colOff>38100</xdr:colOff>
                    <xdr:row>26</xdr:row>
                    <xdr:rowOff>19050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466725</xdr:colOff>
                    <xdr:row>26</xdr:row>
                    <xdr:rowOff>219075</xdr:rowOff>
                  </from>
                  <to>
                    <xdr:col>2</xdr:col>
                    <xdr:colOff>38100</xdr:colOff>
                    <xdr:row>27</xdr:row>
                    <xdr:rowOff>1905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447675</xdr:colOff>
                    <xdr:row>39</xdr:row>
                    <xdr:rowOff>219075</xdr:rowOff>
                  </from>
                  <to>
                    <xdr:col>2</xdr:col>
                    <xdr:colOff>19050</xdr:colOff>
                    <xdr:row>40</xdr:row>
                    <xdr:rowOff>1905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438150</xdr:colOff>
                    <xdr:row>40</xdr:row>
                    <xdr:rowOff>180975</xdr:rowOff>
                  </from>
                  <to>
                    <xdr:col>2</xdr:col>
                    <xdr:colOff>9525</xdr:colOff>
                    <xdr:row>41</xdr:row>
                    <xdr:rowOff>1428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07-26T10:12:03Z</cp:lastPrinted>
  <dcterms:created xsi:type="dcterms:W3CDTF">2017-04-21T05:51:15Z</dcterms:created>
  <dcterms:modified xsi:type="dcterms:W3CDTF">2022-07-26T10:12:20Z</dcterms:modified>
</cp:coreProperties>
</file>